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microsoft.com/office/2020/02/relationships/classificationlabels" Target="docMetadata/LabelInfo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3"/>
  </p:notesMasterIdLst>
  <p:sldIdLst>
    <p:sldId id="273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014" autoAdjust="0"/>
    <p:restoredTop sz="94660"/>
  </p:normalViewPr>
  <p:slideViewPr>
    <p:cSldViewPr snapToGrid="0">
      <p:cViewPr varScale="1">
        <p:scale>
          <a:sx n="150" d="100"/>
          <a:sy n="150" d="100"/>
        </p:scale>
        <p:origin x="624" y="13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B3C50D9-4C9B-4E84-9F71-EC5405D6B39E}" type="datetimeFigureOut">
              <a:rPr lang="en-US" smtClean="0"/>
              <a:t>2/18/202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C9480A9-FEB0-4586-AF8A-E78C949A986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458491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7525E9-16F2-2B8F-2913-F572AD61039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DFA1B1E-E68B-C9D2-A3E4-3CF267DB3E1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8CE47F7-0008-6613-E756-4DF5D89417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2/18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328EF1D-D1FE-EB06-8F1A-16A8FE3F36A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59E4C38-0BBD-E387-7A9D-07C2C16DF9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255954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BB9016-8516-459E-7A58-0BBDEC8674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E6BAB8F-78D3-F33A-799A-F0A666DB5FD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E146C0-1221-04D2-690A-C71DAB4A206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2/18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A50053D-C119-1F87-C28E-9FE78DF64C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4685A33-BD2C-60EB-6C28-D5D9D61898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62715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6203CAD-04FB-0846-F7FB-8CC1D187C21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6872E7F-2BFB-DB50-D3BA-6B9A74F0F01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0B2AF3F-7CCE-812C-D2E1-E26BA29067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2/18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E28E4EC-243A-BB9D-30CD-C220C06056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9C41F3B-36DA-7AC4-94C7-F66A56C1D4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128326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4A481BD-2E02-C4C5-AFB0-231E2B7151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61E4D8-BD42-6158-7196-CD77B0C8277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0EF601-FC7B-AAFD-32D1-E174A8F9C2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2/18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CAF6A87-F7AF-66A9-F67D-CC7CC1688B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C5C19BF-0302-F14E-4D26-23DB6E4589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414776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1041BB6-5F27-F672-6A57-D221E89A3D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1123C1B-701D-6CD7-9AB8-C9325ADECEB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E3F6EC6-62A5-1376-8AC5-4A0FE34124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2/18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00C6710-C7A6-D6E3-5F49-88C3CA2E74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A6336D6-B8A6-689F-EF28-A760EC54C0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366199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CEE73D-6ECE-6B34-CD6F-26F8F660AB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89C9C6C-33C8-C28E-AAE7-D47BDB94791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944B494-953A-90B6-8854-23E56E9E5FF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BF948E4-2219-C9E5-6D7E-4C6ADE816D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2/18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3A109BE-2BAB-2CA9-DAB1-F1A0262914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97E991A-EE1D-F6AA-45B4-3A67E0CFA39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652068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9682C8-D699-CE71-64F3-EB9F6805A4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A81773E-6E8D-6130-4B3C-C4D464CCF08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E31B653-0A70-C08B-554C-8591125C149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CC7D2A9-CE0B-19A7-DA0A-10D645D75B6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3AE8D41-B88D-8B14-9FB4-9DC286C1B7CB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8433BE6-A5FF-EA87-F4E6-20C5233D4E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2/18/20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52997A5-6699-170A-3158-D7D8DE5E399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94BF5D9-98A7-B469-8D46-23543677FD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394831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075BC81-75BD-3EE1-C733-42CA9FD6B56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1FAA1FA-0AE2-4247-987F-03A1CCE0E4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2/18/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409EC80-73A0-6D56-0DA7-A055A9D8BB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0E6EC36-F361-2033-FB24-0842C3F228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968992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4341E6D-FC5C-B8D9-22AB-B5659CD987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2/18/20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C298BD6-E599-EB07-7519-B1DD158C4DB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A46277B-0C80-47E3-1063-65366CE58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473850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330E9F-854E-7BEC-C7B4-97DB51A101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8859AD9-D7A4-9D5A-12BD-585F2267EE5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8B2EC08-3D54-0B14-EC1A-133B129B030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FEAD98E-11D9-F53D-5EFE-993408E8C2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2/18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94DA541-6190-D987-B0D0-2977602295F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24C0255-FBC0-A994-1CD9-5B59A024D9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588398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6178E82-6E3B-2DB5-AF92-CBEAFDD5E36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564BAD9-9E29-B3FF-E6C0-43BA9035043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74C5157-3625-7D90-4EF2-AEFAFC7FA75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D9275CF-3312-0348-11B2-7F43A3E1FD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06F59-82C3-46B0-8A51-6310DA794D89}" type="datetimeFigureOut">
              <a:rPr lang="en-US" smtClean="0"/>
              <a:t>2/18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0DD93F3-6A1B-AF90-9CF1-1C949D23F9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6BC48F-B13D-5D36-0B1D-4F53641719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8971714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31C204F2-C303-B4D6-E4D8-FACE8C04122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6B17202-988C-DFB7-D548-962F05B8567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6FED29C-8376-1535-5081-20C867EDF55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04C06F59-82C3-46B0-8A51-6310DA794D89}" type="datetimeFigureOut">
              <a:rPr lang="en-US" smtClean="0"/>
              <a:t>2/18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3272FB0-DC54-27B7-0976-8A400B838EA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392B20-EB0D-F613-E723-B1FACA44413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132C88A7-E9EF-4CD2-9CCD-E97CC995ED4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28732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8" name="TextBox 347">
            <a:extLst>
              <a:ext uri="{FF2B5EF4-FFF2-40B4-BE49-F238E27FC236}">
                <a16:creationId xmlns:a16="http://schemas.microsoft.com/office/drawing/2014/main" id="{23478562-5956-3C7A-B2C1-F17A8DADC4B7}"/>
              </a:ext>
            </a:extLst>
          </p:cNvPr>
          <p:cNvSpPr txBox="1"/>
          <p:nvPr/>
        </p:nvSpPr>
        <p:spPr>
          <a:xfrm>
            <a:off x="3278044" y="228867"/>
            <a:ext cx="6103256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00" b="1" dirty="0"/>
              <a:t>ESR-LA IMPLEMENTATION TIMELINE(ALL)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87C15645-04FD-989C-40D8-9ED7753707D1}"/>
              </a:ext>
            </a:extLst>
          </p:cNvPr>
          <p:cNvSpPr txBox="1"/>
          <p:nvPr/>
        </p:nvSpPr>
        <p:spPr>
          <a:xfrm>
            <a:off x="198894" y="5709396"/>
            <a:ext cx="2569294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*Study timelines depend on several factors and may be subject to change.</a:t>
            </a:r>
          </a:p>
          <a:p>
            <a:endParaRPr lang="en-US" dirty="0"/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0751690E-95C7-352E-C8C6-3B7BBFFEC791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52783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dirty="0">
                <a:solidFill>
                  <a:srgbClr val="C0504D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BA178CD2-7298-9439-9DCF-1F3B8AE262EE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252783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rgbClr val="C0504D"/>
                </a:solidFill>
                <a:latin typeface="Calibri" panose="020F0502020204030204" pitchFamily="34" charset="0"/>
              </a:rPr>
              <a:t>2026</a:t>
            </a:r>
          </a:p>
        </p:txBody>
      </p:sp>
      <p:cxnSp>
        <p:nvCxnSpPr>
          <p:cNvPr id="67" name="OTLSHAPE_M_2e0ebcb027d44e1e8d809703e215d8cb_Connector1">
            <a:extLst>
              <a:ext uri="{FF2B5EF4-FFF2-40B4-BE49-F238E27FC236}">
                <a16:creationId xmlns:a16="http://schemas.microsoft.com/office/drawing/2014/main" id="{E2505E8F-BD06-4ED7-8267-CC540FCDA2A8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889846" y="1704830"/>
            <a:ext cx="0" cy="772033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M_7aef3ec69c9c46e9bf1461e446eb9974_Connector1">
            <a:extLst>
              <a:ext uri="{FF2B5EF4-FFF2-40B4-BE49-F238E27FC236}">
                <a16:creationId xmlns:a16="http://schemas.microsoft.com/office/drawing/2014/main" id="{FCEF666C-7A87-8CCC-ABE0-B50687F7772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4967376" y="2088285"/>
            <a:ext cx="0" cy="388578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M_4fa236a2e26f429a8e76dfaaaa827247_Connector1">
            <a:extLst>
              <a:ext uri="{FF2B5EF4-FFF2-40B4-BE49-F238E27FC236}">
                <a16:creationId xmlns:a16="http://schemas.microsoft.com/office/drawing/2014/main" id="{E2C0CA0D-2057-2205-6DD1-37C952E0A2BC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5775305" y="1704830"/>
            <a:ext cx="0" cy="261578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M_a5481202fa924bcc96ea3e71b225b393_Connector1">
            <a:extLst>
              <a:ext uri="{FF2B5EF4-FFF2-40B4-BE49-F238E27FC236}">
                <a16:creationId xmlns:a16="http://schemas.microsoft.com/office/drawing/2014/main" id="{2E186AB0-C51B-E83B-25F5-BB6802F508CD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6313924" y="2121433"/>
            <a:ext cx="0" cy="355431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8" name="OTLSHAPE_M_4fa236a2e26f429a8e76dfaaaa827247_Connector2">
            <a:extLst>
              <a:ext uri="{FF2B5EF4-FFF2-40B4-BE49-F238E27FC236}">
                <a16:creationId xmlns:a16="http://schemas.microsoft.com/office/drawing/2014/main" id="{FA7FB532-C181-E751-34F3-5D0D803F757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5775305" y="2121432"/>
            <a:ext cx="0" cy="355431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M_ced69b590ab444dfab5c22732666d50a_Connector1">
            <a:extLst>
              <a:ext uri="{FF2B5EF4-FFF2-40B4-BE49-F238E27FC236}">
                <a16:creationId xmlns:a16="http://schemas.microsoft.com/office/drawing/2014/main" id="{157E5321-20F0-A240-C7B7-05DF8BEF526A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199090" y="2088285"/>
            <a:ext cx="0" cy="388578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0" name="OTLSHAPE_M_0c58045c54c5475d8a029408f8db9ba3_Connector1">
            <a:extLst>
              <a:ext uri="{FF2B5EF4-FFF2-40B4-BE49-F238E27FC236}">
                <a16:creationId xmlns:a16="http://schemas.microsoft.com/office/drawing/2014/main" id="{BC301A6B-EEC1-A928-F43F-F912BD04956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543591" y="1321375"/>
            <a:ext cx="0" cy="1155488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2" name="OTLSHAPE_M_85d6e238113242d1a12e2ae133af8e0c_Connector1">
            <a:extLst>
              <a:ext uri="{FF2B5EF4-FFF2-40B4-BE49-F238E27FC236}">
                <a16:creationId xmlns:a16="http://schemas.microsoft.com/office/drawing/2014/main" id="{002EA510-E607-DA43-077F-754B1CC6C2BC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466938" y="2088285"/>
            <a:ext cx="0" cy="388578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975D7C37-6299-0371-8B9B-51E5D93A6E61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844465" y="2476863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7700B2"/>
              </a:gs>
              <a:gs pos="100000">
                <a:srgbClr val="7700B2"/>
              </a:gs>
            </a:gsLst>
            <a:lin ang="5400000" scaled="1"/>
            <a:tileRect/>
          </a:gra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A73C937F-5BAA-3681-821A-59AC4CBBFAB9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844465" y="2476863"/>
            <a:ext cx="6565900" cy="381000"/>
          </a:xfrm>
          <a:prstGeom prst="rect">
            <a:avLst/>
          </a:prstGeom>
          <a:solidFill>
            <a:srgbClr val="FF0000">
              <a:alpha val="30196"/>
            </a:srgbClr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CFE67C76-0D9B-50E6-A6BE-B820B1732DB8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7354766" y="2857863"/>
            <a:ext cx="114300" cy="127000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D19E029C-A696-9558-806A-26C33E0B81DC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244052" y="2984863"/>
            <a:ext cx="333745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pc="-28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7740F43-9400-D779-7112-722063F8E624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895265" y="2574336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861B8489-7AAD-4517-E585-F4C270B388BD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2049449" y="2574336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DD20A209-3250-F1E1-B6B1-D3CCB507F9C8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3242105" y="2574336"/>
            <a:ext cx="24782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89ED6093-CA3E-224B-1228-711DB03D871B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4396289" y="2574336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C2DB6301-FC73-4D17-F6E1-1506DC0600AA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5588945" y="257433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00A44D10-2D16-2D01-F427-0388CFE95CB8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781601" y="2574336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12AD262E-5B86-5692-7E68-590D8B2EFE64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7858839" y="257433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23" name="OTLSHAPE_TB_00000000000000000000000000000000_TimescaleInterval8">
            <a:extLst>
              <a:ext uri="{FF2B5EF4-FFF2-40B4-BE49-F238E27FC236}">
                <a16:creationId xmlns:a16="http://schemas.microsoft.com/office/drawing/2014/main" id="{6F85F4C4-5CE5-F3BC-062A-E0BFCDB5955B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9051496" y="2574336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47" name="OTLSHAPE_TB_00000000000000000000000000000000_TimescaleInterval9">
            <a:extLst>
              <a:ext uri="{FF2B5EF4-FFF2-40B4-BE49-F238E27FC236}">
                <a16:creationId xmlns:a16="http://schemas.microsoft.com/office/drawing/2014/main" id="{0E2E9301-8233-FDC1-7E15-C0BDFE243F90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0205679" y="2574336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CFA6057A-3337-5C7B-D61E-E3E7988F7DE8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998648" y="2514963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833C9A60-E4D0-1BC3-AF8D-0DB59CA0331C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191305" y="2514963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4935EB21-E844-6A12-5734-94833595BAC6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4345488" y="2514963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B270C548-57CB-338E-D528-26B7E0C2655A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538145" y="2514963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D26577C9-57CD-9ACB-F30F-53E31F480D80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730801" y="2514963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A0BBA6F8-C753-3F2B-DFAA-BF6C7169A826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808039" y="2514963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7">
            <a:extLst>
              <a:ext uri="{FF2B5EF4-FFF2-40B4-BE49-F238E27FC236}">
                <a16:creationId xmlns:a16="http://schemas.microsoft.com/office/drawing/2014/main" id="{F524C579-BA18-E6A4-6FAB-1E28A213EA7D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9000695" y="2514963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8">
            <a:extLst>
              <a:ext uri="{FF2B5EF4-FFF2-40B4-BE49-F238E27FC236}">
                <a16:creationId xmlns:a16="http://schemas.microsoft.com/office/drawing/2014/main" id="{93606B20-5275-B6A9-BB96-559E7FCBBD3B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10154879" y="2514963"/>
            <a:ext cx="0" cy="304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20" name="OTLSHAPE_T_3e045161908d4d4d93beccef95b373a5_Shape">
            <a:extLst>
              <a:ext uri="{FF2B5EF4-FFF2-40B4-BE49-F238E27FC236}">
                <a16:creationId xmlns:a16="http://schemas.microsoft.com/office/drawing/2014/main" id="{72603BE3-EC6E-F559-DEB8-3D584EB4E2B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113775" y="3358412"/>
            <a:ext cx="2311400" cy="254000"/>
          </a:xfrm>
          <a:prstGeom prst="chevron">
            <a:avLst/>
          </a:prstGeom>
          <a:solidFill>
            <a:srgbClr val="9C007F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9" name="OTLSHAPE_T_1bee25ae6b7047ee9fa18c6be95ed6e2_Shape">
            <a:extLst>
              <a:ext uri="{FF2B5EF4-FFF2-40B4-BE49-F238E27FC236}">
                <a16:creationId xmlns:a16="http://schemas.microsoft.com/office/drawing/2014/main" id="{CE845062-8947-6875-52C5-BE31FDD7CB17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729632" y="4159869"/>
            <a:ext cx="2311400" cy="254000"/>
          </a:xfrm>
          <a:prstGeom prst="chevron">
            <a:avLst/>
          </a:prstGeom>
          <a:solidFill>
            <a:srgbClr val="FF388C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0" name="OTLSHAPE_T_0b03ba46d22447fbbcff9005c7e8b0be_Shape">
            <a:extLst>
              <a:ext uri="{FF2B5EF4-FFF2-40B4-BE49-F238E27FC236}">
                <a16:creationId xmlns:a16="http://schemas.microsoft.com/office/drawing/2014/main" id="{A81FDC58-0385-5BF1-23B9-F98923D0E2B3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152832" y="4680399"/>
            <a:ext cx="2311400" cy="254000"/>
          </a:xfrm>
          <a:prstGeom prst="chevron">
            <a:avLst/>
          </a:prstGeom>
          <a:solidFill>
            <a:srgbClr val="70AD47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9" name="OTLSHAPE_T_034484705ad6402c88e11df0b24f246e_Shape">
            <a:extLst>
              <a:ext uri="{FF2B5EF4-FFF2-40B4-BE49-F238E27FC236}">
                <a16:creationId xmlns:a16="http://schemas.microsoft.com/office/drawing/2014/main" id="{530E91CA-C52A-16B9-B477-9D9CF459A51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461784" y="3961676"/>
            <a:ext cx="2311400" cy="254000"/>
          </a:xfrm>
          <a:prstGeom prst="chevron">
            <a:avLst/>
          </a:prstGeom>
          <a:solidFill>
            <a:srgbClr val="2F369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8" name="OTLSHAPE_T_54c342d5f96e48abadb1b13d52d07b7b_Shape">
            <a:extLst>
              <a:ext uri="{FF2B5EF4-FFF2-40B4-BE49-F238E27FC236}">
                <a16:creationId xmlns:a16="http://schemas.microsoft.com/office/drawing/2014/main" id="{7637719C-3D6B-F4EB-C0F3-FFA5775E6DF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7038584" y="3441145"/>
            <a:ext cx="2311400" cy="254000"/>
          </a:xfrm>
          <a:prstGeom prst="chevron">
            <a:avLst/>
          </a:prstGeom>
          <a:solidFill>
            <a:srgbClr val="FEBA0A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37" name="OTLSHAPE_T_f2f97be829014b90b2595775038958fe_Shape">
            <a:extLst>
              <a:ext uri="{FF2B5EF4-FFF2-40B4-BE49-F238E27FC236}">
                <a16:creationId xmlns:a16="http://schemas.microsoft.com/office/drawing/2014/main" id="{6C04A418-D011-4425-AC0C-19FD420A0FA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7731093" y="4510985"/>
            <a:ext cx="2311400" cy="254000"/>
          </a:xfrm>
          <a:prstGeom prst="chevron">
            <a:avLst/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6" name="OTLSHAPE_T_498a8c441d194e8cace84615ee6b31e2_Shape">
            <a:extLst>
              <a:ext uri="{FF2B5EF4-FFF2-40B4-BE49-F238E27FC236}">
                <a16:creationId xmlns:a16="http://schemas.microsoft.com/office/drawing/2014/main" id="{7A0A3E10-8B5E-70A7-DB93-72BBB329824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8423604" y="5031516"/>
            <a:ext cx="2311400" cy="254000"/>
          </a:xfrm>
          <a:prstGeom prst="chevron">
            <a:avLst/>
          </a:prstGeom>
          <a:solidFill>
            <a:srgbClr val="E4005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1" name="OTLSHAPE_T_3e045161908d4d4d93beccef95b373a5_ShapePercentage" hidden="1">
            <a:extLst>
              <a:ext uri="{FF2B5EF4-FFF2-40B4-BE49-F238E27FC236}">
                <a16:creationId xmlns:a16="http://schemas.microsoft.com/office/drawing/2014/main" id="{A4746CB2-FD8A-27AD-CD53-4F0AD385DDA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113775" y="335841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30" name="OTLSHAPE_T_1bee25ae6b7047ee9fa18c6be95ed6e2_ShapePercentage" hidden="1">
            <a:extLst>
              <a:ext uri="{FF2B5EF4-FFF2-40B4-BE49-F238E27FC236}">
                <a16:creationId xmlns:a16="http://schemas.microsoft.com/office/drawing/2014/main" id="{90133378-128B-C21E-3BA2-7A43B266E00F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729632" y="4399474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1" name="OTLSHAPE_T_0b03ba46d22447fbbcff9005c7e8b0be_ShapePercentage" hidden="1">
            <a:extLst>
              <a:ext uri="{FF2B5EF4-FFF2-40B4-BE49-F238E27FC236}">
                <a16:creationId xmlns:a16="http://schemas.microsoft.com/office/drawing/2014/main" id="{DA8DF0AC-6094-AE1D-6B16-BC90E551E88A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152832" y="4920004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0" name="OTLSHAPE_T_034484705ad6402c88e11df0b24f246e_ShapePercentage" hidden="1">
            <a:extLst>
              <a:ext uri="{FF2B5EF4-FFF2-40B4-BE49-F238E27FC236}">
                <a16:creationId xmlns:a16="http://schemas.microsoft.com/office/drawing/2014/main" id="{848824FD-565C-CE4B-E7AB-99C78D705360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7461784" y="4399474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9" name="OTLSHAPE_T_54c342d5f96e48abadb1b13d52d07b7b_ShapePercentage" hidden="1">
            <a:extLst>
              <a:ext uri="{FF2B5EF4-FFF2-40B4-BE49-F238E27FC236}">
                <a16:creationId xmlns:a16="http://schemas.microsoft.com/office/drawing/2014/main" id="{EE8108D5-78A0-156E-295C-39363169D672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038584" y="3878943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38" name="OTLSHAPE_T_f2f97be829014b90b2595775038958fe_ShapePercentage" hidden="1">
            <a:extLst>
              <a:ext uri="{FF2B5EF4-FFF2-40B4-BE49-F238E27FC236}">
                <a16:creationId xmlns:a16="http://schemas.microsoft.com/office/drawing/2014/main" id="{756DA192-502D-45F6-0E6B-8B4A667F6D4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731093" y="544053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7" name="OTLSHAPE_T_498a8c441d194e8cace84615ee6b31e2_ShapePercentage" hidden="1">
            <a:extLst>
              <a:ext uri="{FF2B5EF4-FFF2-40B4-BE49-F238E27FC236}">
                <a16:creationId xmlns:a16="http://schemas.microsoft.com/office/drawing/2014/main" id="{C3488AE0-82D4-A696-8E50-CC1496E116CD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423604" y="5961066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2" name="OTLSHAPE_T_3e045161908d4d4d93beccef95b373a5_BaselineShape" hidden="1">
            <a:extLst>
              <a:ext uri="{FF2B5EF4-FFF2-40B4-BE49-F238E27FC236}">
                <a16:creationId xmlns:a16="http://schemas.microsoft.com/office/drawing/2014/main" id="{9F65DAA0-2E54-95A5-B7E3-A07D23A71E49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44465" y="3574312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T_1bee25ae6b7047ee9fa18c6be95ed6e2_BaselineShape" hidden="1">
            <a:extLst>
              <a:ext uri="{FF2B5EF4-FFF2-40B4-BE49-F238E27FC236}">
                <a16:creationId xmlns:a16="http://schemas.microsoft.com/office/drawing/2014/main" id="{614E593A-6F9E-A034-A955-CF9211DBFE92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44465" y="461537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T_0b03ba46d22447fbbcff9005c7e8b0be_BaselineShape" hidden="1">
            <a:extLst>
              <a:ext uri="{FF2B5EF4-FFF2-40B4-BE49-F238E27FC236}">
                <a16:creationId xmlns:a16="http://schemas.microsoft.com/office/drawing/2014/main" id="{E4D5A1EE-C6D5-D956-7A31-6E1571DE69E0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844465" y="513590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" name="OTLSHAPE_T_034484705ad6402c88e11df0b24f246e_BaselineShape" hidden="1">
            <a:extLst>
              <a:ext uri="{FF2B5EF4-FFF2-40B4-BE49-F238E27FC236}">
                <a16:creationId xmlns:a16="http://schemas.microsoft.com/office/drawing/2014/main" id="{79860426-E1C0-0D63-A5A5-712B6CB2D268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44465" y="461537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T_54c342d5f96e48abadb1b13d52d07b7b_BaselineShape" hidden="1">
            <a:extLst>
              <a:ext uri="{FF2B5EF4-FFF2-40B4-BE49-F238E27FC236}">
                <a16:creationId xmlns:a16="http://schemas.microsoft.com/office/drawing/2014/main" id="{19FEE17C-03FF-BDD4-24B0-F149D02D1BAE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844465" y="4094843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" name="OTLSHAPE_T_f2f97be829014b90b2595775038958fe_BaselineShape" hidden="1">
            <a:extLst>
              <a:ext uri="{FF2B5EF4-FFF2-40B4-BE49-F238E27FC236}">
                <a16:creationId xmlns:a16="http://schemas.microsoft.com/office/drawing/2014/main" id="{F2999E1F-4C0E-4AFC-6223-F2C0855F0417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844465" y="565643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T_498a8c441d194e8cace84615ee6b31e2_BaselineShape" hidden="1">
            <a:extLst>
              <a:ext uri="{FF2B5EF4-FFF2-40B4-BE49-F238E27FC236}">
                <a16:creationId xmlns:a16="http://schemas.microsoft.com/office/drawing/2014/main" id="{64E977A2-2F0C-A0FD-738C-0CCDEE9BBA1C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844465" y="617696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T_3e045161908d4d4d93beccef95b373a5_TextPercentage" hidden="1">
            <a:extLst>
              <a:ext uri="{FF2B5EF4-FFF2-40B4-BE49-F238E27FC236}">
                <a16:creationId xmlns:a16="http://schemas.microsoft.com/office/drawing/2014/main" id="{B6FA0D5D-0591-2EAB-59B4-C1F85A6E8EB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T_3e045161908d4d4d93beccef95b373a5_StartDate" hidden="1">
            <a:extLst>
              <a:ext uri="{FF2B5EF4-FFF2-40B4-BE49-F238E27FC236}">
                <a16:creationId xmlns:a16="http://schemas.microsoft.com/office/drawing/2014/main" id="{5ACFE253-B8AD-2B74-5E61-8D2521916B0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T_3e045161908d4d4d93beccef95b373a5_EndDate" hidden="1">
            <a:extLst>
              <a:ext uri="{FF2B5EF4-FFF2-40B4-BE49-F238E27FC236}">
                <a16:creationId xmlns:a16="http://schemas.microsoft.com/office/drawing/2014/main" id="{8A47E718-B701-D262-C998-33F456061135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T_3e045161908d4d4d93beccef95b373a5_JoinedDate">
            <a:extLst>
              <a:ext uri="{FF2B5EF4-FFF2-40B4-BE49-F238E27FC236}">
                <a16:creationId xmlns:a16="http://schemas.microsoft.com/office/drawing/2014/main" id="{48BA913A-2286-FAF3-6EE1-5F2B5B52CB0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113775" y="3218882"/>
            <a:ext cx="609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Sep 8 - Nov 6</a:t>
            </a:r>
          </a:p>
        </p:txBody>
      </p:sp>
      <p:sp>
        <p:nvSpPr>
          <p:cNvPr id="127" name="OTLSHAPE_T_3e045161908d4d4d93beccef95b373a5_Duration">
            <a:extLst>
              <a:ext uri="{FF2B5EF4-FFF2-40B4-BE49-F238E27FC236}">
                <a16:creationId xmlns:a16="http://schemas.microsoft.com/office/drawing/2014/main" id="{6EB198DE-E508-AEBB-953D-43B50C5596BA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472915" y="3392385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 dirty="0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128" name="OTLSHAPE_T_3e045161908d4d4d93beccef95b373a5_Title">
            <a:extLst>
              <a:ext uri="{FF2B5EF4-FFF2-40B4-BE49-F238E27FC236}">
                <a16:creationId xmlns:a16="http://schemas.microsoft.com/office/drawing/2014/main" id="{AF66C054-B80F-751D-BDA7-8D0AE2A6425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035429" y="3407900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2"/>
                </a:solidFill>
                <a:latin typeface="Calibri" panose="020F0502020204030204" pitchFamily="34" charset="0"/>
              </a:rPr>
              <a:t>ESR-LA-2</a:t>
            </a:r>
          </a:p>
        </p:txBody>
      </p:sp>
      <p:sp>
        <p:nvSpPr>
          <p:cNvPr id="132" name="OTLSHAPE_T_1bee25ae6b7047ee9fa18c6be95ed6e2_TextPercentage" hidden="1">
            <a:extLst>
              <a:ext uri="{FF2B5EF4-FFF2-40B4-BE49-F238E27FC236}">
                <a16:creationId xmlns:a16="http://schemas.microsoft.com/office/drawing/2014/main" id="{066D5116-3EF3-C8E7-5CB9-085B65B79A9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1bee25ae6b7047ee9fa18c6be95ed6e2_StartDate" hidden="1">
            <a:extLst>
              <a:ext uri="{FF2B5EF4-FFF2-40B4-BE49-F238E27FC236}">
                <a16:creationId xmlns:a16="http://schemas.microsoft.com/office/drawing/2014/main" id="{5AA39D69-451C-A43E-8E73-F649D2DC1657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T_1bee25ae6b7047ee9fa18c6be95ed6e2_EndDate" hidden="1">
            <a:extLst>
              <a:ext uri="{FF2B5EF4-FFF2-40B4-BE49-F238E27FC236}">
                <a16:creationId xmlns:a16="http://schemas.microsoft.com/office/drawing/2014/main" id="{55DA58A3-869B-0A52-77FE-7102FAC4148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T_1bee25ae6b7047ee9fa18c6be95ed6e2_JoinedDate">
            <a:extLst>
              <a:ext uri="{FF2B5EF4-FFF2-40B4-BE49-F238E27FC236}">
                <a16:creationId xmlns:a16="http://schemas.microsoft.com/office/drawing/2014/main" id="{747D4192-2215-F9DF-39C7-1BC7EBAB18C6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729632" y="4020338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Oct 20 - Dec 18</a:t>
            </a:r>
          </a:p>
        </p:txBody>
      </p:sp>
      <p:sp>
        <p:nvSpPr>
          <p:cNvPr id="136" name="OTLSHAPE_T_1bee25ae6b7047ee9fa18c6be95ed6e2_Duration">
            <a:extLst>
              <a:ext uri="{FF2B5EF4-FFF2-40B4-BE49-F238E27FC236}">
                <a16:creationId xmlns:a16="http://schemas.microsoft.com/office/drawing/2014/main" id="{C9CA7572-9DBD-96B5-3C0C-FA28433EECA4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088772" y="4193841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137" name="OTLSHAPE_T_1bee25ae6b7047ee9fa18c6be95ed6e2_Title">
            <a:extLst>
              <a:ext uri="{FF2B5EF4-FFF2-40B4-BE49-F238E27FC236}">
                <a16:creationId xmlns:a16="http://schemas.microsoft.com/office/drawing/2014/main" id="{A4B33A43-C17A-FBA6-D9EB-7781FF2C0AE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651286" y="4209356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2"/>
                </a:solidFill>
                <a:latin typeface="Calibri" panose="020F0502020204030204" pitchFamily="34" charset="0"/>
              </a:rPr>
              <a:t>ESR-LA-3</a:t>
            </a:r>
          </a:p>
        </p:txBody>
      </p:sp>
      <p:sp>
        <p:nvSpPr>
          <p:cNvPr id="213" name="OTLSHAPE_T_0b03ba46d22447fbbcff9005c7e8b0be_TextPercentage" hidden="1">
            <a:extLst>
              <a:ext uri="{FF2B5EF4-FFF2-40B4-BE49-F238E27FC236}">
                <a16:creationId xmlns:a16="http://schemas.microsoft.com/office/drawing/2014/main" id="{CBFAB582-4B8B-81D4-AD16-E13855E68E9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4" name="OTLSHAPE_T_0b03ba46d22447fbbcff9005c7e8b0be_StartDate" hidden="1">
            <a:extLst>
              <a:ext uri="{FF2B5EF4-FFF2-40B4-BE49-F238E27FC236}">
                <a16:creationId xmlns:a16="http://schemas.microsoft.com/office/drawing/2014/main" id="{F4385107-A077-B624-5E54-4F052F4AFF8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5" name="OTLSHAPE_T_0b03ba46d22447fbbcff9005c7e8b0be_EndDate" hidden="1">
            <a:extLst>
              <a:ext uri="{FF2B5EF4-FFF2-40B4-BE49-F238E27FC236}">
                <a16:creationId xmlns:a16="http://schemas.microsoft.com/office/drawing/2014/main" id="{AF3CC989-2742-CF23-E60B-BF62B67FE4FC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T_0b03ba46d22447fbbcff9005c7e8b0be_JoinedDate">
            <a:extLst>
              <a:ext uri="{FF2B5EF4-FFF2-40B4-BE49-F238E27FC236}">
                <a16:creationId xmlns:a16="http://schemas.microsoft.com/office/drawing/2014/main" id="{E8CD701D-744A-83D0-EAA2-9B5ACF0F5984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152832" y="4540869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Oct 31 - Dec 29</a:t>
            </a:r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T_0b03ba46d22447fbbcff9005c7e8b0be_Duration">
            <a:extLst>
              <a:ext uri="{FF2B5EF4-FFF2-40B4-BE49-F238E27FC236}">
                <a16:creationId xmlns:a16="http://schemas.microsoft.com/office/drawing/2014/main" id="{A3D96814-19C2-C14F-A62E-9E784030B73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511972" y="4714372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218" name="OTLSHAPE_T_0b03ba46d22447fbbcff9005c7e8b0be_Title">
            <a:extLst>
              <a:ext uri="{FF2B5EF4-FFF2-40B4-BE49-F238E27FC236}">
                <a16:creationId xmlns:a16="http://schemas.microsoft.com/office/drawing/2014/main" id="{CCFC08FD-69F4-15F8-3657-846E29E905E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074487" y="4729887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2"/>
                </a:solidFill>
                <a:latin typeface="Calibri" panose="020F0502020204030204" pitchFamily="34" charset="0"/>
              </a:rPr>
              <a:t>ESR-LA-4</a:t>
            </a:r>
          </a:p>
        </p:txBody>
      </p:sp>
      <p:sp>
        <p:nvSpPr>
          <p:cNvPr id="222" name="OTLSHAPE_T_034484705ad6402c88e11df0b24f246e_TextPercentage" hidden="1">
            <a:extLst>
              <a:ext uri="{FF2B5EF4-FFF2-40B4-BE49-F238E27FC236}">
                <a16:creationId xmlns:a16="http://schemas.microsoft.com/office/drawing/2014/main" id="{421DAE39-9ABD-44D5-7895-4D4D804BBBAC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3" name="OTLSHAPE_T_034484705ad6402c88e11df0b24f246e_StartDate" hidden="1">
            <a:extLst>
              <a:ext uri="{FF2B5EF4-FFF2-40B4-BE49-F238E27FC236}">
                <a16:creationId xmlns:a16="http://schemas.microsoft.com/office/drawing/2014/main" id="{C226D9B7-6980-7E60-849B-3D958C1C8F07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T_034484705ad6402c88e11df0b24f246e_EndDate" hidden="1">
            <a:extLst>
              <a:ext uri="{FF2B5EF4-FFF2-40B4-BE49-F238E27FC236}">
                <a16:creationId xmlns:a16="http://schemas.microsoft.com/office/drawing/2014/main" id="{4179E6B6-C864-40E3-057A-A55BB50FA86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5" name="OTLSHAPE_T_034484705ad6402c88e11df0b24f246e_JoinedDate">
            <a:extLst>
              <a:ext uri="{FF2B5EF4-FFF2-40B4-BE49-F238E27FC236}">
                <a16:creationId xmlns:a16="http://schemas.microsoft.com/office/drawing/2014/main" id="{0FFDEF0F-B556-500C-2DF4-D851B784E38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461784" y="3822145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Feb 20 - Apr 20</a:t>
            </a:r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T_034484705ad6402c88e11df0b24f246e_Duration">
            <a:extLst>
              <a:ext uri="{FF2B5EF4-FFF2-40B4-BE49-F238E27FC236}">
                <a16:creationId xmlns:a16="http://schemas.microsoft.com/office/drawing/2014/main" id="{87402951-6B7E-4259-F374-A8830129165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820925" y="3995648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227" name="OTLSHAPE_T_034484705ad6402c88e11df0b24f246e_Title">
            <a:extLst>
              <a:ext uri="{FF2B5EF4-FFF2-40B4-BE49-F238E27FC236}">
                <a16:creationId xmlns:a16="http://schemas.microsoft.com/office/drawing/2014/main" id="{E844A049-E770-6A15-E5AE-1105A4E9D28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229895" y="4011163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2"/>
                </a:solidFill>
                <a:latin typeface="Calibri" panose="020F0502020204030204" pitchFamily="34" charset="0"/>
              </a:rPr>
              <a:t>ESR-LA-DI2023</a:t>
            </a:r>
          </a:p>
        </p:txBody>
      </p:sp>
      <p:sp>
        <p:nvSpPr>
          <p:cNvPr id="231" name="OTLSHAPE_T_54c342d5f96e48abadb1b13d52d07b7b_TextPercentage" hidden="1">
            <a:extLst>
              <a:ext uri="{FF2B5EF4-FFF2-40B4-BE49-F238E27FC236}">
                <a16:creationId xmlns:a16="http://schemas.microsoft.com/office/drawing/2014/main" id="{E5BA1986-6CCA-76FE-C2F8-F4A141AE1A8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2" name="OTLSHAPE_T_54c342d5f96e48abadb1b13d52d07b7b_StartDate" hidden="1">
            <a:extLst>
              <a:ext uri="{FF2B5EF4-FFF2-40B4-BE49-F238E27FC236}">
                <a16:creationId xmlns:a16="http://schemas.microsoft.com/office/drawing/2014/main" id="{9B2F331B-6F1B-7820-D25A-F6EA5F5C9D1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3" name="OTLSHAPE_T_54c342d5f96e48abadb1b13d52d07b7b_EndDate" hidden="1">
            <a:extLst>
              <a:ext uri="{FF2B5EF4-FFF2-40B4-BE49-F238E27FC236}">
                <a16:creationId xmlns:a16="http://schemas.microsoft.com/office/drawing/2014/main" id="{591CAE30-09BF-EFB8-56DA-2A232BC24CC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4" name="OTLSHAPE_T_54c342d5f96e48abadb1b13d52d07b7b_JoinedDate">
            <a:extLst>
              <a:ext uri="{FF2B5EF4-FFF2-40B4-BE49-F238E27FC236}">
                <a16:creationId xmlns:a16="http://schemas.microsoft.com/office/drawing/2014/main" id="{836B1681-6913-EC8F-B0A5-49CC19FDFCA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038584" y="3301614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Feb 9 - Apr 9</a:t>
            </a:r>
          </a:p>
        </p:txBody>
      </p:sp>
      <p:sp>
        <p:nvSpPr>
          <p:cNvPr id="235" name="OTLSHAPE_T_54c342d5f96e48abadb1b13d52d07b7b_Duration">
            <a:extLst>
              <a:ext uri="{FF2B5EF4-FFF2-40B4-BE49-F238E27FC236}">
                <a16:creationId xmlns:a16="http://schemas.microsoft.com/office/drawing/2014/main" id="{268EF9F8-3346-19E5-FB68-0045009019D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397724" y="3475117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 dirty="0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236" name="OTLSHAPE_T_54c342d5f96e48abadb1b13d52d07b7b_Title">
            <a:extLst>
              <a:ext uri="{FF2B5EF4-FFF2-40B4-BE49-F238E27FC236}">
                <a16:creationId xmlns:a16="http://schemas.microsoft.com/office/drawing/2014/main" id="{DB65E12D-95C9-14B3-79EE-736E7BC785F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960237" y="3490633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2"/>
                </a:solidFill>
                <a:latin typeface="Calibri" panose="020F0502020204030204" pitchFamily="34" charset="0"/>
              </a:rPr>
              <a:t>ESR-LA-5</a:t>
            </a:r>
          </a:p>
        </p:txBody>
      </p:sp>
      <p:sp>
        <p:nvSpPr>
          <p:cNvPr id="240" name="OTLSHAPE_T_f2f97be829014b90b2595775038958fe_TextPercentage" hidden="1">
            <a:extLst>
              <a:ext uri="{FF2B5EF4-FFF2-40B4-BE49-F238E27FC236}">
                <a16:creationId xmlns:a16="http://schemas.microsoft.com/office/drawing/2014/main" id="{88E45FD8-0970-6744-E408-09AA5DEF841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1" name="OTLSHAPE_T_f2f97be829014b90b2595775038958fe_StartDate" hidden="1">
            <a:extLst>
              <a:ext uri="{FF2B5EF4-FFF2-40B4-BE49-F238E27FC236}">
                <a16:creationId xmlns:a16="http://schemas.microsoft.com/office/drawing/2014/main" id="{A148A37E-585E-EF43-962B-354FC269BFF7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2" name="OTLSHAPE_T_f2f97be829014b90b2595775038958fe_EndDate" hidden="1">
            <a:extLst>
              <a:ext uri="{FF2B5EF4-FFF2-40B4-BE49-F238E27FC236}">
                <a16:creationId xmlns:a16="http://schemas.microsoft.com/office/drawing/2014/main" id="{988821EC-9931-3013-7454-208A6A303DA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3" name="OTLSHAPE_T_f2f97be829014b90b2595775038958fe_JoinedDate">
            <a:extLst>
              <a:ext uri="{FF2B5EF4-FFF2-40B4-BE49-F238E27FC236}">
                <a16:creationId xmlns:a16="http://schemas.microsoft.com/office/drawing/2014/main" id="{A46A1207-E141-C4C2-BE08-DA39EE206019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731093" y="4371454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Feb 27 - Apr 27</a:t>
            </a:r>
          </a:p>
        </p:txBody>
      </p:sp>
      <p:sp>
        <p:nvSpPr>
          <p:cNvPr id="244" name="OTLSHAPE_T_f2f97be829014b90b2595775038958fe_Duration">
            <a:extLst>
              <a:ext uri="{FF2B5EF4-FFF2-40B4-BE49-F238E27FC236}">
                <a16:creationId xmlns:a16="http://schemas.microsoft.com/office/drawing/2014/main" id="{61A8A9A0-8D7F-9E1D-77A6-82A534350850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0090234" y="4544957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 dirty="0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245" name="OTLSHAPE_T_f2f97be829014b90b2595775038958fe_Title">
            <a:extLst>
              <a:ext uri="{FF2B5EF4-FFF2-40B4-BE49-F238E27FC236}">
                <a16:creationId xmlns:a16="http://schemas.microsoft.com/office/drawing/2014/main" id="{3B148695-4916-AC66-B448-C9B0E301F6BC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652748" y="4560473"/>
            <a:ext cx="49218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lt2"/>
                </a:solidFill>
                <a:latin typeface="Calibri" panose="020F0502020204030204" pitchFamily="34" charset="0"/>
              </a:rPr>
              <a:t>ESR-LA-6</a:t>
            </a:r>
          </a:p>
        </p:txBody>
      </p:sp>
      <p:sp>
        <p:nvSpPr>
          <p:cNvPr id="29" name="OTLSHAPE_T_498a8c441d194e8cace84615ee6b31e2_TextPercentage" hidden="1">
            <a:extLst>
              <a:ext uri="{FF2B5EF4-FFF2-40B4-BE49-F238E27FC236}">
                <a16:creationId xmlns:a16="http://schemas.microsoft.com/office/drawing/2014/main" id="{D13E21C8-1394-90C4-22A5-7990C23F4416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498a8c441d194e8cace84615ee6b31e2_StartDate" hidden="1">
            <a:extLst>
              <a:ext uri="{FF2B5EF4-FFF2-40B4-BE49-F238E27FC236}">
                <a16:creationId xmlns:a16="http://schemas.microsoft.com/office/drawing/2014/main" id="{B6B92E63-C30D-AACF-544A-C6F4E6C0B266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498a8c441d194e8cace84615ee6b31e2_EndDate" hidden="1">
            <a:extLst>
              <a:ext uri="{FF2B5EF4-FFF2-40B4-BE49-F238E27FC236}">
                <a16:creationId xmlns:a16="http://schemas.microsoft.com/office/drawing/2014/main" id="{54F88237-07E7-D619-38B3-8F51D67A372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6" name="OTLSHAPE_T_498a8c441d194e8cace84615ee6b31e2_JoinedDate">
            <a:extLst>
              <a:ext uri="{FF2B5EF4-FFF2-40B4-BE49-F238E27FC236}">
                <a16:creationId xmlns:a16="http://schemas.microsoft.com/office/drawing/2014/main" id="{157BA47D-06E3-5C2E-188B-28C30A19FC39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423604" y="4891985"/>
            <a:ext cx="774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Mar 17 - May 15</a:t>
            </a:r>
            <a:endParaRPr lang="en-US" sz="9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8" name="OTLSHAPE_T_498a8c441d194e8cace84615ee6b31e2_Title">
            <a:extLst>
              <a:ext uri="{FF2B5EF4-FFF2-40B4-BE49-F238E27FC236}">
                <a16:creationId xmlns:a16="http://schemas.microsoft.com/office/drawing/2014/main" id="{D7FE4F32-0BC3-83AA-2A58-C6DD662C3E82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9242240" y="5081003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dirty="0">
                <a:solidFill>
                  <a:schemeClr val="lt2"/>
                </a:solidFill>
                <a:latin typeface="Calibri" panose="020F0502020204030204" pitchFamily="34" charset="0"/>
              </a:rPr>
              <a:t>ESR-LA-ERAS</a:t>
            </a:r>
          </a:p>
        </p:txBody>
      </p:sp>
      <p:sp>
        <p:nvSpPr>
          <p:cNvPr id="249" name="OTLSHAPE_T_498a8c441d194e8cace84615ee6b31e2_Duration" hidden="1">
            <a:extLst>
              <a:ext uri="{FF2B5EF4-FFF2-40B4-BE49-F238E27FC236}">
                <a16:creationId xmlns:a16="http://schemas.microsoft.com/office/drawing/2014/main" id="{F4B66697-1D8B-FB09-7C0F-AEB740BC86D6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402799"/>
            <a:ext cx="469900" cy="190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71" name="OTLSHAPE_T_3e045161908d4d4d93beccef95b373a5_Variance" hidden="1">
            <a:extLst>
              <a:ext uri="{FF2B5EF4-FFF2-40B4-BE49-F238E27FC236}">
                <a16:creationId xmlns:a16="http://schemas.microsoft.com/office/drawing/2014/main" id="{ACAC8988-8252-2584-4442-F6CC23AB77E1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034484705ad6402c88e11df0b24f246e_Variance" hidden="1">
            <a:extLst>
              <a:ext uri="{FF2B5EF4-FFF2-40B4-BE49-F238E27FC236}">
                <a16:creationId xmlns:a16="http://schemas.microsoft.com/office/drawing/2014/main" id="{6DD28D3A-945C-D0A3-4AED-325274AAC20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1bee25ae6b7047ee9fa18c6be95ed6e2_Variance" hidden="1">
            <a:extLst>
              <a:ext uri="{FF2B5EF4-FFF2-40B4-BE49-F238E27FC236}">
                <a16:creationId xmlns:a16="http://schemas.microsoft.com/office/drawing/2014/main" id="{AF38DFCE-4E81-835D-85E2-83CD88845B5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54c342d5f96e48abadb1b13d52d07b7b_Variance" hidden="1">
            <a:extLst>
              <a:ext uri="{FF2B5EF4-FFF2-40B4-BE49-F238E27FC236}">
                <a16:creationId xmlns:a16="http://schemas.microsoft.com/office/drawing/2014/main" id="{5579083F-53ED-0DB3-70C3-A34E59DC29DB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498a8c441d194e8cace84615ee6b31e2_Variance" hidden="1">
            <a:extLst>
              <a:ext uri="{FF2B5EF4-FFF2-40B4-BE49-F238E27FC236}">
                <a16:creationId xmlns:a16="http://schemas.microsoft.com/office/drawing/2014/main" id="{287FE535-EF08-3026-DCEB-2740D6E4D165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0b03ba46d22447fbbcff9005c7e8b0be_Variance" hidden="1">
            <a:extLst>
              <a:ext uri="{FF2B5EF4-FFF2-40B4-BE49-F238E27FC236}">
                <a16:creationId xmlns:a16="http://schemas.microsoft.com/office/drawing/2014/main" id="{F2103CA9-084A-6B97-B71F-EBE3D7BC9670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f2f97be829014b90b2595775038958fe_Variance" hidden="1">
            <a:extLst>
              <a:ext uri="{FF2B5EF4-FFF2-40B4-BE49-F238E27FC236}">
                <a16:creationId xmlns:a16="http://schemas.microsoft.com/office/drawing/2014/main" id="{A7ADE0D1-65A7-5404-57B1-2F2D14901C8E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M_2e0ebcb027d44e1e8d809703e215d8cb_Shape">
            <a:extLst>
              <a:ext uri="{FF2B5EF4-FFF2-40B4-BE49-F238E27FC236}">
                <a16:creationId xmlns:a16="http://schemas.microsoft.com/office/drawing/2014/main" id="{9B9A49E5-368C-212B-D502-01D3FE3615A7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 rot="16200000">
            <a:off x="2915246" y="1704830"/>
            <a:ext cx="101600" cy="101600"/>
          </a:xfrm>
          <a:prstGeom prst="flowChartMerge">
            <a:avLst/>
          </a:prstGeom>
          <a:solidFill>
            <a:srgbClr val="70AD47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M_7aef3ec69c9c46e9bf1461e446eb9974_Shape">
            <a:extLst>
              <a:ext uri="{FF2B5EF4-FFF2-40B4-BE49-F238E27FC236}">
                <a16:creationId xmlns:a16="http://schemas.microsoft.com/office/drawing/2014/main" id="{1E7837D5-280A-8BBF-FF5B-AE400535B471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 rot="16200000">
            <a:off x="4992776" y="2088285"/>
            <a:ext cx="101600" cy="101600"/>
          </a:xfrm>
          <a:prstGeom prst="flowChartMerge">
            <a:avLst/>
          </a:prstGeom>
          <a:solidFill>
            <a:srgbClr val="2F369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M_4fa236a2e26f429a8e76dfaaaa827247_Shape">
            <a:extLst>
              <a:ext uri="{FF2B5EF4-FFF2-40B4-BE49-F238E27FC236}">
                <a16:creationId xmlns:a16="http://schemas.microsoft.com/office/drawing/2014/main" id="{6D1A193B-241F-9DBE-C2F6-6B44F06F26D5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 rot="16200000">
            <a:off x="5800705" y="1704830"/>
            <a:ext cx="101600" cy="101600"/>
          </a:xfrm>
          <a:prstGeom prst="flowChartMerge">
            <a:avLst/>
          </a:prstGeom>
          <a:solidFill>
            <a:srgbClr val="FEBA0A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M_a5481202fa924bcc96ea3e71b225b393_Shape">
            <a:extLst>
              <a:ext uri="{FF2B5EF4-FFF2-40B4-BE49-F238E27FC236}">
                <a16:creationId xmlns:a16="http://schemas.microsoft.com/office/drawing/2014/main" id="{95C6C8FE-5E3F-2694-241A-20D7090E5EBF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 rot="16200000">
            <a:off x="6339324" y="2088285"/>
            <a:ext cx="101600" cy="101600"/>
          </a:xfrm>
          <a:prstGeom prst="flowChartMerge">
            <a:avLst/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M_ced69b590ab444dfab5c22732666d50a_Shape">
            <a:extLst>
              <a:ext uri="{FF2B5EF4-FFF2-40B4-BE49-F238E27FC236}">
                <a16:creationId xmlns:a16="http://schemas.microsoft.com/office/drawing/2014/main" id="{ADDFCC28-786A-C378-CA2A-C783B94F2325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 rot="16200000">
            <a:off x="8224490" y="2088285"/>
            <a:ext cx="101600" cy="101600"/>
          </a:xfrm>
          <a:prstGeom prst="flowChartMerge">
            <a:avLst/>
          </a:prstGeom>
          <a:solidFill>
            <a:srgbClr val="E4005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5" name="OTLSHAPE_M_0c58045c54c5475d8a029408f8db9ba3_Shape">
            <a:extLst>
              <a:ext uri="{FF2B5EF4-FFF2-40B4-BE49-F238E27FC236}">
                <a16:creationId xmlns:a16="http://schemas.microsoft.com/office/drawing/2014/main" id="{1E797F46-74C5-BF28-467E-4FFEBCB324F1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 rot="16200000">
            <a:off x="2568991" y="1321375"/>
            <a:ext cx="101600" cy="101600"/>
          </a:xfrm>
          <a:prstGeom prst="flowChartMerge">
            <a:avLst/>
          </a:prstGeom>
          <a:solidFill>
            <a:srgbClr val="E4005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8" name="OTLSHAPE_M_85d6e238113242d1a12e2ae133af8e0c_Shape">
            <a:extLst>
              <a:ext uri="{FF2B5EF4-FFF2-40B4-BE49-F238E27FC236}">
                <a16:creationId xmlns:a16="http://schemas.microsoft.com/office/drawing/2014/main" id="{E805FE71-E061-62B9-43F2-1E9B18BEE797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 rot="16200000">
            <a:off x="3492338" y="2088285"/>
            <a:ext cx="101600" cy="101600"/>
          </a:xfrm>
          <a:prstGeom prst="flowChartMerge">
            <a:avLst/>
          </a:prstGeom>
          <a:solidFill>
            <a:srgbClr val="E40059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M_2e0ebcb027d44e1e8d809703e215d8cb_Title">
            <a:extLst>
              <a:ext uri="{FF2B5EF4-FFF2-40B4-BE49-F238E27FC236}">
                <a16:creationId xmlns:a16="http://schemas.microsoft.com/office/drawing/2014/main" id="{6D27A163-B8D7-635F-1488-1084CCF98FE1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3048596" y="1582952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ESR-LA-4 Kick-off</a:t>
            </a:r>
          </a:p>
        </p:txBody>
      </p:sp>
      <p:sp>
        <p:nvSpPr>
          <p:cNvPr id="103" name="OTLSHAPE_M_2e0ebcb027d44e1e8d809703e215d8cb_Date">
            <a:extLst>
              <a:ext uri="{FF2B5EF4-FFF2-40B4-BE49-F238E27FC236}">
                <a16:creationId xmlns:a16="http://schemas.microsoft.com/office/drawing/2014/main" id="{A317A4CC-11D5-FB76-0AEF-C06146279DA0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3048596" y="1737977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Oct 23</a:t>
            </a:r>
          </a:p>
        </p:txBody>
      </p:sp>
      <p:sp>
        <p:nvSpPr>
          <p:cNvPr id="174" name="OTLSHAPE_M_7aef3ec69c9c46e9bf1461e446eb9974_Title">
            <a:extLst>
              <a:ext uri="{FF2B5EF4-FFF2-40B4-BE49-F238E27FC236}">
                <a16:creationId xmlns:a16="http://schemas.microsoft.com/office/drawing/2014/main" id="{7C69D039-8F3E-CCA0-1B7A-52B8FAC5318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126126" y="1966408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ESR-LA-DI2023 Kick-off</a:t>
            </a:r>
          </a:p>
        </p:txBody>
      </p:sp>
      <p:sp>
        <p:nvSpPr>
          <p:cNvPr id="175" name="OTLSHAPE_M_7aef3ec69c9c46e9bf1461e446eb9974_Date">
            <a:extLst>
              <a:ext uri="{FF2B5EF4-FFF2-40B4-BE49-F238E27FC236}">
                <a16:creationId xmlns:a16="http://schemas.microsoft.com/office/drawing/2014/main" id="{A85ECC36-74BA-1986-A986-8FD5FCA9924D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5126126" y="2121432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Dec 16</a:t>
            </a:r>
          </a:p>
        </p:txBody>
      </p:sp>
      <p:sp>
        <p:nvSpPr>
          <p:cNvPr id="183" name="OTLSHAPE_M_4fa236a2e26f429a8e76dfaaaa827247_Title">
            <a:extLst>
              <a:ext uri="{FF2B5EF4-FFF2-40B4-BE49-F238E27FC236}">
                <a16:creationId xmlns:a16="http://schemas.microsoft.com/office/drawing/2014/main" id="{CAA744AD-80B9-5727-C968-B36F2E719E73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5934055" y="1582952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ESR-LA-5 Kick-off</a:t>
            </a:r>
          </a:p>
        </p:txBody>
      </p:sp>
      <p:sp>
        <p:nvSpPr>
          <p:cNvPr id="184" name="OTLSHAPE_M_4fa236a2e26f429a8e76dfaaaa827247_Date">
            <a:extLst>
              <a:ext uri="{FF2B5EF4-FFF2-40B4-BE49-F238E27FC236}">
                <a16:creationId xmlns:a16="http://schemas.microsoft.com/office/drawing/2014/main" id="{B5364027-05FD-D7B6-D05C-D38BB291E88F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5934055" y="1737977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Jan 6</a:t>
            </a:r>
          </a:p>
        </p:txBody>
      </p:sp>
      <p:sp>
        <p:nvSpPr>
          <p:cNvPr id="192" name="OTLSHAPE_M_a5481202fa924bcc96ea3e71b225b393_Title">
            <a:extLst>
              <a:ext uri="{FF2B5EF4-FFF2-40B4-BE49-F238E27FC236}">
                <a16:creationId xmlns:a16="http://schemas.microsoft.com/office/drawing/2014/main" id="{57902457-73E9-8B03-F508-37959B560A78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472674" y="1966408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ESR-LA-6 Kick-off</a:t>
            </a:r>
          </a:p>
        </p:txBody>
      </p:sp>
      <p:sp>
        <p:nvSpPr>
          <p:cNvPr id="193" name="OTLSHAPE_M_a5481202fa924bcc96ea3e71b225b393_Date">
            <a:extLst>
              <a:ext uri="{FF2B5EF4-FFF2-40B4-BE49-F238E27FC236}">
                <a16:creationId xmlns:a16="http://schemas.microsoft.com/office/drawing/2014/main" id="{F930EC1D-39E1-A7D4-56B2-A3B5B67638E8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6472674" y="2121432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Jan 20</a:t>
            </a:r>
          </a:p>
        </p:txBody>
      </p:sp>
      <p:sp>
        <p:nvSpPr>
          <p:cNvPr id="64" name="OTLSHAPE_M_ced69b590ab444dfab5c22732666d50a_Title">
            <a:extLst>
              <a:ext uri="{FF2B5EF4-FFF2-40B4-BE49-F238E27FC236}">
                <a16:creationId xmlns:a16="http://schemas.microsoft.com/office/drawing/2014/main" id="{ACC3B5D5-5E3D-E656-2B49-46FABD8DB951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8357840" y="1966408"/>
            <a:ext cx="1104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ESR-LA-ERAS Kick-off</a:t>
            </a:r>
          </a:p>
        </p:txBody>
      </p:sp>
      <p:sp>
        <p:nvSpPr>
          <p:cNvPr id="65" name="OTLSHAPE_M_ced69b590ab444dfab5c22732666d50a_Date">
            <a:extLst>
              <a:ext uri="{FF2B5EF4-FFF2-40B4-BE49-F238E27FC236}">
                <a16:creationId xmlns:a16="http://schemas.microsoft.com/office/drawing/2014/main" id="{2E349771-27B1-3879-C4C7-EE6AC8D43F5C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357840" y="2121432"/>
            <a:ext cx="342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Mar 10</a:t>
            </a:r>
            <a:endParaRPr lang="en-US" sz="900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533" name="OTLSHAPE_M_0c58045c54c5475d8a029408f8db9ba3_Title">
            <a:extLst>
              <a:ext uri="{FF2B5EF4-FFF2-40B4-BE49-F238E27FC236}">
                <a16:creationId xmlns:a16="http://schemas.microsoft.com/office/drawing/2014/main" id="{71B7CE99-2DDD-9135-1D2F-E8515B3BA6D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2702341" y="1199497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ESR-LA-3 Kick-off</a:t>
            </a:r>
          </a:p>
        </p:txBody>
      </p:sp>
      <p:sp>
        <p:nvSpPr>
          <p:cNvPr id="534" name="OTLSHAPE_M_0c58045c54c5475d8a029408f8db9ba3_Date">
            <a:extLst>
              <a:ext uri="{FF2B5EF4-FFF2-40B4-BE49-F238E27FC236}">
                <a16:creationId xmlns:a16="http://schemas.microsoft.com/office/drawing/2014/main" id="{026A1807-AA52-51E6-7A6C-9E1AEBFA11E9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2702341" y="1354522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Oct 14</a:t>
            </a:r>
          </a:p>
        </p:txBody>
      </p:sp>
      <p:sp>
        <p:nvSpPr>
          <p:cNvPr id="536" name="OTLSHAPE_M_85d6e238113242d1a12e2ae133af8e0c_Title">
            <a:extLst>
              <a:ext uri="{FF2B5EF4-FFF2-40B4-BE49-F238E27FC236}">
                <a16:creationId xmlns:a16="http://schemas.microsoft.com/office/drawing/2014/main" id="{9C7FA36E-C48F-99CE-3697-64975243DDB6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3625688" y="1966408"/>
            <a:ext cx="1117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ESR-LA-2 Completion</a:t>
            </a:r>
          </a:p>
        </p:txBody>
      </p:sp>
      <p:sp>
        <p:nvSpPr>
          <p:cNvPr id="537" name="OTLSHAPE_M_85d6e238113242d1a12e2ae133af8e0c_Date">
            <a:extLst>
              <a:ext uri="{FF2B5EF4-FFF2-40B4-BE49-F238E27FC236}">
                <a16:creationId xmlns:a16="http://schemas.microsoft.com/office/drawing/2014/main" id="{CFD89873-574C-4CC7-5F1F-7C341FC6A467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3625688" y="2121432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Nov 7</a:t>
            </a:r>
          </a:p>
        </p:txBody>
      </p:sp>
      <p:sp>
        <p:nvSpPr>
          <p:cNvPr id="250" name="OTLSHAPE_M_0c58045c54c5475d8a029408f8db9ba3_Variance" hidden="1">
            <a:extLst>
              <a:ext uri="{FF2B5EF4-FFF2-40B4-BE49-F238E27FC236}">
                <a16:creationId xmlns:a16="http://schemas.microsoft.com/office/drawing/2014/main" id="{B06B0334-D69A-D3F1-C622-1D2F5D082315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252" name="OTLSHAPE_M_2e0ebcb027d44e1e8d809703e215d8cb_Variance" hidden="1">
            <a:extLst>
              <a:ext uri="{FF2B5EF4-FFF2-40B4-BE49-F238E27FC236}">
                <a16:creationId xmlns:a16="http://schemas.microsoft.com/office/drawing/2014/main" id="{1E3E170E-CDC8-E3CA-8760-4D58ACC59E37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253" name="OTLSHAPE_M_85d6e238113242d1a12e2ae133af8e0c_Variance" hidden="1">
            <a:extLst>
              <a:ext uri="{FF2B5EF4-FFF2-40B4-BE49-F238E27FC236}">
                <a16:creationId xmlns:a16="http://schemas.microsoft.com/office/drawing/2014/main" id="{1DED513F-E124-3B8C-C00D-3561A5AB01AA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254" name="OTLSHAPE_M_7aef3ec69c9c46e9bf1461e446eb9974_Variance" hidden="1">
            <a:extLst>
              <a:ext uri="{FF2B5EF4-FFF2-40B4-BE49-F238E27FC236}">
                <a16:creationId xmlns:a16="http://schemas.microsoft.com/office/drawing/2014/main" id="{4A06B80E-210F-FD6A-D1FF-47C0DC7C32F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255" name="OTLSHAPE_M_4fa236a2e26f429a8e76dfaaaa827247_Variance" hidden="1">
            <a:extLst>
              <a:ext uri="{FF2B5EF4-FFF2-40B4-BE49-F238E27FC236}">
                <a16:creationId xmlns:a16="http://schemas.microsoft.com/office/drawing/2014/main" id="{6176B8B8-982B-685F-2CE1-51A4087466C1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66" name="OTLSHAPE_M_a5481202fa924bcc96ea3e71b225b393_Variance" hidden="1">
            <a:extLst>
              <a:ext uri="{FF2B5EF4-FFF2-40B4-BE49-F238E27FC236}">
                <a16:creationId xmlns:a16="http://schemas.microsoft.com/office/drawing/2014/main" id="{AB7860A2-A87F-C2A6-4492-1ED11E7EC080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68" name="OTLSHAPE_M_ced69b590ab444dfab5c22732666d50a_Variance" hidden="1">
            <a:extLst>
              <a:ext uri="{FF2B5EF4-FFF2-40B4-BE49-F238E27FC236}">
                <a16:creationId xmlns:a16="http://schemas.microsoft.com/office/drawing/2014/main" id="{39B5359D-4C57-F061-3D5C-1CC83D4025F2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128765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21" name="OTLSHAPE_T_f2f97be829014b90b2595775038958fe_Duration">
            <a:extLst>
              <a:ext uri="{FF2B5EF4-FFF2-40B4-BE49-F238E27FC236}">
                <a16:creationId xmlns:a16="http://schemas.microsoft.com/office/drawing/2014/main" id="{A838801B-D49C-613D-5BE4-BF5919B416A9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0814134" y="5087210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 dirty="0">
                <a:solidFill>
                  <a:srgbClr val="B20E12"/>
                </a:solidFill>
                <a:latin typeface="Calibri" panose="020F0502020204030204" pitchFamily="34" charset="0"/>
              </a:rPr>
              <a:t>60 day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474937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NDQiLCJUb3AiOjAuMCwiTGVmdCI6MC4wLCJSaWdodCI6MC4wLCJCb3R0b20iOjAuMH0sIlBhZGRpbmciOnsiJGlkIjoiMTQ1IiwiVG9wIjowLjAsIkxlZnQiOjAuMCwiUmlnaHQiOjAuMCwiQm90dG9tIjowLjB9LCJCYWNrZ3JvdW5kIjp7IiRpZCI6IjE0NiIsIkNvbG9yIjp7IiRpZCI6IjE0NyIsIkEiOjg5LCJSIjowLCJHIjowLCJCIjowfX0sIklzVmlzaWJsZSI6dHJ1ZSwiV2lkdGgiOjAuMCwiSGVpZ2h0IjowLjAsIkJvcmRlclN0eWxlIjp7IiRpZCI6IjE0OCIsIkxpbmVDb2xvciI6bnVsbCwiTGluZVdlaWdodCI6MC4wLCJMaW5lVHlwZSI6MCwiUGFyZW50U3R5bGUiOm51bGx9LCJQYXJlbnRTdHlsZSI6bnVsbH0sIkRhdGVGb3JtYXQiOnsiJGlkIjoiMT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CIsIkZvcm1hdCI6MCwiSXNWaXNpYmxlIjpmYWxzZSwiTGFzdEtub3duVmlzaWJpbGl0eVN0YXRlIjpmYWxzZX0sIklzVmlzaWJsZSI6dHJ1ZSwiVmFyaWFuY2VTdHlsZSI6eyIkaWQiOiIxNTEiLCJUZXh0U3R5bGUiOnsiJGlkIjoiMTUyIiwiRm9udFNldHRpbmdzIjp7IiRpZCI6IjE1MyIsIkZvbnRTaXplIjoxMSwiRm9udE5hbWUiOiJDYWxpYnJpIiwiSXNCb2xkIjpmYWxz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4OCIsIlRvcCI6MC4wLCJMZWZ0IjowLjAsIlJpZ2h0IjowLjAsIkJvdHRvbSI6MC4wfSwiUGFkZGluZyI6eyIkaWQiOiIxODkiLCJUb3AiOjAuMCwiTGVmdCI6MC4wLCJSaWdodCI6MC4wLCJCb3R0b20iOjAuMH0sIkJhY2tncm91bmQiOnsiJGlkIjoiMTkwIiwiQ29sb3IiOnsiJGlkIjoiMTkxIiwiQSI6ODksIlIiOjAsIkciOjAsIkIiOjB9fSwiSXNWaXNpYmxlIjp0cnVlLCJXaWR0aCI6MC4wLCJIZWlnaHQiOjAuMCwiQm9yZGVyU3R5bGUiOnsiJGlkIjoiMTkyIiwiTGluZUNvbG9yIjpudWxsLCJMaW5lV2VpZ2h0IjowLjAsIkxpbmVUeXBlIjowLCJQYXJlbnRTdHlsZSI6bnVsbH0sIlBhcmVudFN0eWxlIjpudWxsfSwiRGF0ZUZvcm1hdCI6eyIkaWQiOiIx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0IiwiRm9ybWF0IjowLCJJc1Zpc2libGUiOmZhbHNlLCJMYXN0S25vd25WaXNpYmlsaXR5U3RhdGUiOmZhbHNlfSwiSXNWaXNpYmxlIjp0cnVlLCJWYXJpYW5jZVN0eWxlIjp7IiRpZCI6IjE5NSIsIlRleHRTdHlsZSI6eyIkaWQiOiIxOTYiLCJGb250U2V0dGluZ3MiOnsiJGlkIjoiMTk3IiwiRm9udFNpemUiOjExLCJGb250TmFtZSI6IkNhbGlicmkiLCJJc0JvbGQiOmZhbHNlLCJJc0l0YWxpYyI6ZmFsc2UsIklzVW5kZXJsaW5lZCI6ZmFsc2UsIlBhcmVudFN0eWxlIjpudWxsfSwiQXV0b1NpemUiOjAsIkZvcmVncm91bmQiOnsiJGlkIjoiMTk4IiwiQ29sb3IiOnsiJGlkIjoiMTk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2MiIsIlRvcCI6MC4wLCJMZWZ0IjowLjAsIlJpZ2h0IjowLjAsIkJvdHRvbSI6MC4wfSwiUGFkZGluZyI6eyIkaWQiOiIyNjMiLCJUb3AiOjAuMCwiTGVmdCI6MC4wLCJSaWdodCI6MC4wLCJCb3R0b20iOjAuMH0sIkJhY2tncm91bmQiOnsiJGlkIjoiMjY0IiwiQ29sb3IiOnsiJGlkIjoiMjY1IiwiQSI6ODksIlIiOjAsIkciOjAsIkIiOjB9fSwiSXNWaXNpYmxlIjp0cnVlLCJXaWR0aCI6MC4wLCJIZWlnaHQiOjAuMCwiQm9yZGVyU3R5bGUiOnsiJGlkIjoiMjY2IiwiTGluZUNvbG9yIjpudWxsLCJMaW5lV2VpZ2h0IjowLjAsIkxpbmVUeXBlIjowLCJQYXJlbnRTdHlsZSI6bnVsbH0sIlBhcmVudFN0eWxlIjpudWxsfSwiRGF0ZUZvcm1hdCI6eyIkaWQiOiIy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4IiwiRm9ybWF0IjowLCJJc1Zpc2libGUiOmZhbHNlLCJMYXN0S25vd25WaXNpYmlsaXR5U3RhdGUiOmZhbHNlfSwiSXNWaXNpYmxlIjp0cnVlLCJWYXJpYW5jZVN0eWxlIjp7IiRpZCI6IjI2OSIsIlRleHRTdHlsZSI6eyIkaWQiOiIyNzAiLCJGb250U2V0dGluZ3MiOnsiJGlkIjoiMjcxIiwiRm9udFNpemUiOjExLCJGb250TmFtZSI6IkNhbGlicmkiLCJJc0JvbGQiOmZhbHNlLCJJc0l0YWxpYyI6ZmFsc2UsIklzVW5kZXJsaW5lZCI6ZmFsc2UsIlBhcmVudFN0eWxlIjpudWxsfSwiQXV0b1NpemUiOjAsIkZvcmVncm91bmQiOnsiJGlkIjoiMjcyIiwiQ29sb3IiOnsiJGlkIjoiMjc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M0NiIsIlRvcCI6MC4wLCJMZWZ0IjowLjAsIlJpZ2h0IjowLjAsIkJvdHRvbSI6MC4wfSwiUGFkZGluZyI6eyIkaWQiOiIzNDciLCJUb3AiOjAuMCwiTGVmdCI6MC4wLCJSaWdodCI6MC4wLCJCb3R0b20iOjAuMH0sIkJhY2tncm91bmQiOnsiJGlkIjoiMzQ4IiwiQ29sb3IiOnsiJGlkIjoiMzQ5IiwiQSI6ODksIlIiOjAsIkciOjAsIkIiOjB9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4OSIsIlRvcCI6MC4wLCJMZWZ0IjowLjAsIlJpZ2h0IjowLjAsIkJvdHRvbSI6MC4wfSwiUGFkZGluZyI6eyIkaWQiOiIzOTAiLCJUb3AiOjAuMCwiTGVmdCI6MC4wLCJSaWdodCI6MC4wLCJCb3R0b20iOjAuMH0sIkJhY2tncm91bmQiOnsiJGlkIjoiMzkxIiwiQ29sb3IiOnsiJGlkIjoiMzkyIiwiQSI6ODksIlIiOjAsIkciOjAsIkIiOjB9fSwiSXNWaXNpYmxlIjp0cnVlLCJXaWR0aCI6MC4wLCJIZWlnaHQiOjAuMCwiQm9yZGVyU3R5bGUiOnsiJGlkIjoiMzkzIiwiTGluZUNvbG9yIjpudWxsLCJMaW5lV2VpZ2h0IjowLjAsIkxpbmVUeXBlIjowLCJQYXJlbnRTdHlsZSI6bnVsbH0sIlBhcmVudFN0eWxlIjpudWxsfSwiRGF0ZUZvcm1hdCI6eyIkaWQiOiIz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1IiwiRm9ybWF0IjowLCJJc1Zpc2libGUiOmZhbHNlLCJMYXN0S25vd25WaXNpYmlsaXR5U3RhdGUiOmZhbHNlfSwiSXNWaXNpYmxlIjp0cnVlLCJWYXJpYW5jZVN0eWxlIjp7IiRpZCI6IjM5NiIsIlRleHRTdHlsZSI6eyIkaWQiOiIzOTciLCJGb250U2V0dGluZ3MiOnsiJGlkIjoiMzk4IiwiRm9udFNpemUiOjExLCJGb250TmFtZSI6IkNhbGlicmkiLCJJc0JvbGQiOmZhbHNlLCJJc0l0YWxpYyI6ZmFsc2UsIklzVW5kZXJsaW5lZCI6ZmFsc2UsIlBhcmVudFN0eWxlIjpudWxsfSwiQXV0b1NpemUiOjAsIkZvcmVncm91bmQiOnsiJGlkIjoiMzk5IiwiQ29sb3IiOnsiJGlkIjoiNDA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DM0IiwiVG9wIjowLjAsIkxlZnQiOjAuMCwiUmlnaHQiOjAuMCwiQm90dG9tIjowLjB9LCJQYWRkaW5nIjp7IiRpZCI6IjQzNSIsIlRvcCI6MC4wLCJMZWZ0IjowLjAsIlJpZ2h0IjowLjAsIkJvdHRvbSI6MC4wfSwiQmFja2dyb3VuZCI6eyIkaWQiOiI0MzYiLCJDb2xvciI6eyIkaWQiOiI0MzciLCJBIjo4OSwiUiI6MCwiRyI6MCwiQiI6MH19LCJJc1Zpc2libGUiOnRydWUsIldpZHRoIjowLjAsIkhlaWdodCI6MC4wLCJCb3JkZXJTdHlsZSI6eyIkaWQiOiI0MzgiLCJMaW5lQ29sb3IiOm51bGwsIkxpbmVXZWlnaHQiOjAuMCwiTGluZVR5cGUiOjAsIlBhcmVudFN0eWxlIjpudWxsfSwiUGFyZW50U3R5bGUiOm51bGx9LCJEYXRlRm9ybWF0Ijp7IiRpZCI6IjQ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AiLCJGb3JtYXQiOjAsIklzVmlzaWJsZSI6ZmFsc2UsIkxhc3RLbm93blZpc2liaWxpdHlTdGF0ZSI6ZmFsc2V9LCJJc1Zpc2libGUiOnRydWUsIlZhcmlhbmNlU3R5bGUiOnsiJGlkIjoiNDQxIiwiVGV4dFN0eWxlIjp7IiRpZCI6IjQ0MiIsIkZvbnRTZXR0aW5ncyI6eyIkaWQiOiI0NDMiLCJGb250U2l6ZSI6MTEsIkZvbnROYW1lIjoiQ2FsaWJyaSIsIklzQm9sZCI6ZmFsc2UsIklzSXRhbGljIjpmYWxzZSwiSXNVbmRlcmxpbmVkIjpmYWxzZSwiUGFyZW50U3R5bGUiOm51bGx9LCJBdXRvU2l6ZSI6MCwiRm9yZWdyb3VuZCI6eyIkaWQiOiI0NDQiLCJDb2xvciI6eyIkaWQiOiI0N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Q3MyIsIlRvcCI6MC4wLCJMZWZ0IjowLjAsIlJpZ2h0IjowLjAsIkJvdHRvbSI6MC4wfSwiUGFkZGluZyI6eyIkaWQiOiI0NzQiLCJUb3AiOjAuMCwiTGVmdCI6MC4wLCJSaWdodCI6MC4wLCJCb3R0b20iOjAuMH0sIkJhY2tncm91bmQiOnsiJGlkIjoiNDc1IiwiQ29sb3IiOnsiJGlkIjoiNDc2IiwiQSI6ODksIlIiOjAsIkciOjAsIkIiOjB9fSwiSXNWaXNpYmxlIjp0cnVlLCJXaWR0aCI6MC4wLCJIZWlnaHQiOjAuMCwiQm9yZGVyU3R5bGUiOnsiJGlkIjoiNDc3IiwiTGluZUNvbG9yIjpudWxsLCJMaW5lV2VpZ2h0IjowLjAsIkxpbmVUeXBlIjowLCJQYXJlbnRTdHlsZSI6bnVsbH0sIlBhcmVudFN0eWxlIjpudWxsfSwiRGF0ZUZvcm1hdCI6eyIkaWQiOiI0N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5IiwiRm9ybWF0IjowLCJJc1Zpc2libGUiOmZhbHNlLCJMYXN0S25vd25WaXNpYmlsaXR5U3RhdGUiOmZhbHNlfSwiSXNWaXNpYmxlIjp0cnVlLCJWYXJpYW5jZVN0eWxlIjp7IiRpZCI6IjQ4MCIsIlRleHRTdHlsZSI6eyIkaWQiOiI0ODEiLCJGb250U2V0dGluZ3MiOnsiJGlkIjoiNDgyIiwiRm9udFNpemUiOjExLCJGb250TmFtZSI6IkNhbGlicmkiLCJJc0JvbGQiOmZhbHNlLCJJc0l0YWxpYyI6ZmFsc2UsIklzVW5kZXJsaW5lZCI6ZmFsc2UsIlBhcmVudFN0eWxlIjpudWxsfSwiQXV0b1NpemUiOjAsIkZvcmVncm91bmQiOnsiJGlkIjoiNDgzIiwiQ29sb3IiOnsiJGlkIjoiNDg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OCIsIkZvcm1hdCI6MCwiSXNWaXNpYmxlIjpmYWxzZSwiTGFzdEtub3duVmlzaWJpbGl0eVN0YXRlIjpmYWxzZX0sIklzVmlzaWJsZSI6dHJ1ZSwiVmFyaWFuY2VTdHlsZSI6eyIkaWQiOiI2MTkiLCJUZXh0U3R5bGUiOnsiJGlkIjoiNjIwIiwiRm9udFNldHRpbmdzIjp7IiRpZCI6IjYyMSIsIkZvbnRTaXplIjoxMSwiRm9udE5hbWUiOiJDYWxpYnJpIiwiSXNCb2xkIjpmYWxzZSwiSXNJdGFsaWMiOmZhbHNlLCJJc1VuZGVybGluZWQiOmZhbHNlLCJQYXJlbnRTdHlsZSI6bnVsbH0sIkF1dG9TaXplIjowLCJGb3JlZ3JvdW5kIjp7IiRpZCI6IjYyMiIsIkNvbG9yIjp7IiRpZCI6IjYy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NiIsIkZvcm1hdCI6MCwiSXNWaXNpYmxlIjpmYWxzZSwiTGFzdEtub3duVmlzaWJpbGl0eVN0YXRlIjpmYWxzZX0sIklzVmlzaWJsZSI6dHJ1ZSwiVmFyaWFuY2VTdHlsZSI6eyIkaWQiOiI2NjciLCJUZXh0U3R5bGUiOnsiJGlkIjoiNjY4IiwiRm9udFNldHRpbmdzIjp7IiRpZCI6IjY2OSIsIkZvbnRTaXplIjoxMSwiRm9udE5hbWUiOiJDYWxpYnJpIiwiSXNCb2xkIjpmYWxzZSwiSXNJdGFsaWMiOmZhbHNlLCJJc1VuZGVybGluZWQiOmZhbHNlLCJQYXJlbnRTdHlsZSI6bnVsbH0sIkF1dG9TaXplIjowLCJGb3JlZ3JvdW5kIjp7IiRpZCI6IjY3MCIsIkNvbG9yIjp7IiRpZCI6IjY3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TQiLCJGb3JtYXQiOjAsIklzVmlzaWJsZSI6ZmFsc2UsIkxhc3RLbm93blZpc2liaWxpdHlTdGF0ZSI6ZmFsc2V9LCJJc1Zpc2libGUiOnRydWUsIlZhcmlhbmNlU3R5bGUiOnsiJGlkIjoiNzE1IiwiVGV4dFN0eWxlIjp7IiRpZCI6IjcxNiIsIkZvbnRTZXR0aW5ncyI6eyIkaWQiOiI3MTciLCJGb250U2l6ZSI6MTEsIkZvbnROYW1lIjoiQ2FsaWJyaSIsIklzQm9sZCI6ZmFsc2UsIklzSXRhbGljIjpmYWxzZSwiSXNVbmRlcmxpbmVkIjpmYWxzZSwiUGFyZW50U3R5bGUiOm51bGx9LCJBdXRvU2l6ZSI6MCwiRm9yZWdyb3VuZCI6eyIkaWQiOiI3MTgiLCJDb2xvciI6eyIkaWQiOiI3MT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IiLCJGb3JtYXQiOjAsIklzVmlzaWJsZSI6ZmFsc2UsIkxhc3RLbm93blZpc2liaWxpdHlTdGF0ZSI6ZmFsc2V9LCJJc1Zpc2libGUiOnRydWUsIlZhcmlhbmNlU3R5bGUiOnsiJGlkIjoiNzYzIiwiVGV4dFN0eWxlIjp7IiRpZCI6Ijc2NCIsIkZvbnRTZXR0aW5ncyI6eyIkaWQiOiI3NjUiLCJGb250U2l6ZSI6MTEsIkZvbnROYW1lIjoiQ2FsaWJyaSIsIklzQm9sZCI6ZmFsc2UsIklzSXRhbGljIjpmYWxzZSwiSXNVbmRlcmxpbmVkIjpmYWxzZSwiUGFyZW50U3R5bGUiOm51bGx9LCJBdXRvU2l6ZSI6MCwiRm9yZWdyb3VuZCI6eyIkaWQiOiI3NjYiLCJDb2xvciI6eyIkaWQiOiI3Nj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xMCIsIkZvcm1hdCI6MCwiSXNWaXNpYmxlIjpmYWxzZSwiTGFzdEtub3duVmlzaWJpbGl0eVN0YXRlIjpmYWxzZX0sIklzVmlzaWJsZSI6dHJ1ZSwiVmFyaWFuY2VTdHlsZSI6eyIkaWQiOiI4MTEiLCJUZXh0U3R5bGUiOnsiJGlkIjoiODEyIiwiRm9udFNldHRpbmdzIjp7IiRpZCI6IjgxMyIsIkZvbnRTaXplIjoxMSwiRm9udE5hbWUiOiJDYWxpYnJpIiwiSXNCb2xkIjpmYWxzZSwiSXNJdGFsaWMiOmZhbHNlLCJJc1VuZGVybGluZWQiOmZhbHNlLCJQYXJlbnRTdHlsZSI6bnVsbH0sIkF1dG9TaXplIjowLCJGb3JlZ3JvdW5kIjp7IiRpZCI6IjgxNCIsIkNvbG9yIjp7IiRpZCI6Ijgx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TgiLCJGb3JtYXQiOjAsIklzVmlzaWJsZSI6ZmFsc2UsIkxhc3RLbm93blZpc2liaWxpdHlTdGF0ZSI6ZmFsc2V9LCJJc1Zpc2libGUiOnRydWUsIlZhcmlhbmNlU3R5bGUiOnsiJGlkIjoiODU5IiwiVGV4dFN0eWxlIjp7IiRpZCI6Ijg2MCIsIkZvbnRTZXR0aW5ncyI6eyIkaWQiOiI4NjEiLCJGb250U2l6ZSI6MTEsIkZvbnROYW1lIjoiQ2FsaWJyaSIsIklzQm9sZCI6ZmFsc2UsIklzSXRhbGljIjpmYWxzZSwiSXNVbmRlcmxpbmVkIjpmYWxzZSwiUGFyZW50U3R5bGUiOm51bGx9LCJBdXRvU2l6ZSI6MCwiRm9yZWdyb3VuZCI6eyIkaWQiOiI4NjIiLCJDb2xvciI6eyIkaWQiOiI4Nj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DYiLCJGb3JtYXQiOjAsIklzVmlzaWJsZSI6ZmFsc2UsIkxhc3RLbm93blZpc2liaWxpdHlTdGF0ZSI6ZmFsc2V9LCJJc1Zpc2libGUiOnRydWUsIlZhcmlhbmNlU3R5bGUiOnsiJGlkIjoiOTA3IiwiVGV4dFN0eWxlIjp7IiRpZCI6IjkwOCIsIkZvbnRTZXR0aW5ncyI6eyIkaWQiOiI5MDkiLCJGb250U2l6ZSI6MTEsIkZvbnROYW1lIjoiQ2FsaWJyaSIsIklzQm9sZCI6ZmFsc2UsIklzSXRhbGljIjpmYWxzZSwiSXNVbmRlcmxpbmVkIjpmYWxzZSwiUGFyZW50U3R5bGUiOm51bGx9LCJBdXRvU2l6ZSI6MCwiRm9yZWdyb3VuZCI6eyIkaWQiOiI5MTAiLCJDb2xvciI6eyIkaWQiOiI5M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xIiwiRm9ybWF0IjowLCJJc1Zpc2libGUiOmZhbHNlLCJMYXN0S25vd25WaXNpYmlsaXR5U3RhdGUiOmZhbHNlfSwiSXNWaXNpYmxlIjp0cnVlLCJWYXJpYW5jZVN0eWxlIjp7IiRpZCI6Ijk4MiIsIlRleHRTdHlsZSI6eyIkaWQiOiI5ODMiLCJGb250U2V0dGluZ3MiOnsiJGlkIjoiOTg0IiwiRm9udFNpemUiOjExLCJGb250TmFtZSI6IkNhbGlicmkiLCJJc0JvbGQiOmZhbHNlLCJJc0l0YWxpYyI6ZmFsc2UsIklzVW5kZXJsaW5lZCI6ZmFsc2UsIlBhcmVudFN0eWxlIjpudWxsfSwiQXV0b1NpemUiOjAsIkZvcmVncm91bmQiOnsiJGlkIjoiOTg1IiwiQ29sb3IiOnsiJGlkIjoiOTg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1NiIsIkZvcm1hdCI6MCwiSXNWaXNpYmxlIjpmYWxzZSwiTGFzdEtub3duVmlzaWJpbGl0eVN0YXRlIjpmYWxzZX0sIklzVmlzaWJsZSI6dHJ1ZSwiVmFyaWFuY2VTdHlsZSI6eyIkaWQiOiIxMDU3IiwiVGV4dFN0eWxlIjp7IiRpZCI6IjEwNTgiLCJGb250U2V0dGluZ3MiOnsiJGlkIjoiMTA1OSIsIkZvbnRTaXplIjoxMSwiRm9udE5hbWUiOiJDYWxpYnJpIiwiSXNCb2xkIjpmYWxzZSwiSXNJdGFsaWMiOmZhbHNlLCJJc1VuZGVybGluZWQiOmZhbHNlLCJQYXJlbnRTdHlsZSI6bnVsbH0sIkF1dG9TaXplIjowLCJGb3JlZ3JvdW5kIjp7IiRpZCI6IjEwNjAiLCJDb2xvciI6eyIkaWQiOiIxMDY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zMSIsIkZvcm1hdCI6MCwiSXNWaXNpYmxlIjpmYWxzZSwiTGFzdEtub3duVmlzaWJpbGl0eVN0YXRlIjpmYWxzZX0sIklzVmlzaWJsZSI6dHJ1ZSwiVmFyaWFuY2VTdHlsZSI6eyIkaWQiOiIxMTMyIiwiVGV4dFN0eWxlIjp7IiRpZCI6IjExMzMiLCJGb250U2V0dGluZ3MiOnsiJGlkIjoiMTEzNCIsIkZvbnRTaXplIjoxMSwiRm9udE5hbWUiOiJDYWxpYnJpIiwiSXNCb2xkIjpmYWxzZSwiSXNJdGFsaWMiOmZhbHNlLCJJc1VuZGVybGluZWQiOmZhbHNlLCJQYXJlbnRTdHlsZSI6bnVsbH0sIkF1dG9TaXplIjowLCJGb3JlZ3JvdW5kIjp7IiRpZCI6IjExMzUiLCJDb2xvciI6eyIkaWQiOiIxMTM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wNiIsIkZvcm1hdCI6MCwiSXNWaXNpYmxlIjpmYWxzZSwiTGFzdEtub3duVmlzaWJpbGl0eVN0YXRlIjpmYWxzZX0sIklzVmlzaWJsZSI6dHJ1ZSwiVmFyaWFuY2VTdHlsZSI6eyIkaWQiOiIxMjA3IiwiVGV4dFN0eWxlIjp7IiRpZCI6IjEyMDgiLCJGb250U2V0dGluZ3MiOnsiJGlkIjoiMTIwOSIsIkZvbnRTaXplIjoxMSwiRm9udE5hbWUiOiJDYWxpYnJpIiwiSXNCb2xkIjpmYWxzZSwiSXNJdGFsaWMiOmZhbHNlLCJJc1VuZGVybGluZWQiOmZhbHNlLCJQYXJlbnRTdHlsZSI6bnVsbH0sIkF1dG9TaXplIjowLCJGb3JlZ3JvdW5kIjp7IiRpZCI6IjEyMTAiLCJDb2xvciI6eyIkaWQiOiIxMjE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DEiLCJGb3JtYXQiOjAsIklzVmlzaWJsZSI6ZmFsc2UsIkxhc3RLbm93blZpc2liaWxpdHlTdGF0ZSI6ZmFsc2V9LCJJc1Zpc2libGUiOnRydWUsIlZhcmlhbmNlU3R5bGUiOnsiJGlkIjoiMTI4MiIsIlRleHRTdHlsZSI6eyIkaWQiOiIxMjgzIiwiRm9udFNldHRpbmdzIjp7IiRpZCI6IjEyODQiLCJGb250U2l6ZSI6MTEsIkZvbnROYW1lIjoiQ2FsaWJyaSIsIklzQm9sZCI6ZmFsc2UsIklzSXRhbGljIjpmYWxzZSwiSXNVbmRlcmxpbmVkIjpmYWxzZSwiUGFyZW50U3R5bGUiOm51bGx9LCJBdXRvU2l6ZSI6MCwiRm9yZWdyb3VuZCI6eyIkaWQiOiIxMjg1IiwiQ29sb3IiOnsiJGlkIjoiMTI4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1NiIsIkZvcm1hdCI6MCwiSXNWaXNpYmxlIjpmYWxzZSwiTGFzdEtub3duVmlzaWJpbGl0eVN0YXRlIjpmYWxzZX0sIklzVmlzaWJsZSI6dHJ1ZSwiVmFyaWFuY2VTdHlsZSI6eyIkaWQiOiIxMzU3IiwiVGV4dFN0eWxlIjp7IiRpZCI6IjEzNTgiLCJGb250U2V0dGluZ3MiOnsiJGlkIjoiMTM1OSIsIkZvbnRTaXplIjoxMSwiRm9udE5hbWUiOiJDYWxpYnJpIiwiSXNCb2xkIjpmYWxzZSwiSXNJdGFsaWMiOmZhbHNlLCJJc1VuZGVybGluZWQiOmZhbHNlLCJQYXJlbnRTdHlsZSI6bnVsbH0sIkF1dG9TaXplIjowLCJGb3JlZ3JvdW5kIjp7IiRpZCI6IjEzNjAiLCJDb2xvciI6eyIkaWQiOiIxMzY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MxIiwiRm9ybWF0IjowLCJJc1Zpc2libGUiOmZhbHNlLCJMYXN0S25vd25WaXNpYmlsaXR5U3RhdGUiOmZhbHNlfSwiSXNWaXNpYmxlIjp0cnVlLCJWYXJpYW5jZVN0eWxlIjp7IiRpZCI6IjE0MzIiLCJUZXh0U3R5bGUiOnsiJGlkIjoiMTQzMyIsIkZvbnRTZXR0aW5ncyI6eyIkaWQiOiIxNDM0IiwiRm9udFNpemUiOjExLCJGb250TmFtZSI6IkNhbGlicmkiLCJJc0JvbGQiOmZhbHNlLCJJc0l0YWxpYyI6ZmFsc2UsIklzVW5kZXJsaW5lZCI6ZmFsc2UsIlBhcmVudFN0eWxlIjpudWxsfSwiQXV0b1NpemUiOjAsIkZvcmVncm91bmQiOnsiJGlkIjoiMTQzNSIsIkNvbG9yIjp7IiRpZCI6IjE0Mz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wNiIsIkZvcm1hdCI6MCwiSXNWaXNpYmxlIjpmYWxzZSwiTGFzdEtub3duVmlzaWJpbGl0eVN0YXRlIjpmYWxzZX0sIklzVmlzaWJsZSI6dHJ1ZSwiVmFyaWFuY2VTdHlsZSI6eyIkaWQiOiIxNTA3IiwiVGV4dFN0eWxlIjp7IiRpZCI6IjE1MDgiLCJGb250U2V0dGluZ3MiOnsiJGlkIjoiMTUwOSIsIkZvbnRTaXplIjoxMSwiRm9udE5hbWUiOiJDYWxpYnJpIiwiSXNCb2xkIjpmYWxzZSwiSXNJdGFsaWMiOmZhbHNlLCJJc1VuZGVybGluZWQiOmZhbHNlLCJQYXJlbnRTdHlsZSI6bnVsbH0sIkF1dG9TaXplIjowLCJGb3JlZ3JvdW5kIjp7IiRpZCI6IjE1MTAiLCJDb2xvciI6eyIkaWQiOiIxNTE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TkyLFwiR1wiOjgwLFwiQlwiOjc3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TkyLFwiR1wiOjgwLFwiQlwiOjc3fX0sXCJIb3Jpem9udGFsQWxpZ25tZW50XCI6MCxcIklzVmlzaWJsZVwiOnRydWV9LFwiVG9kYXlNYXJrZXJTdHlsZVwiOntcIiRpZFwiOlwiMTNcIixcIlRvZGF5VGV4dFN0eWxlXCI6e1wiJGlkXCI6XCIxNFwiLFwiRm9udFNldHRpbmdzXCI6e1wiJGlkXCI6XCIxNVwiLFwiRm9udFNpemVcIjoxMS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wLjAsXCJSaWdodFwiOjEwLjAsXCJCb3R0b21cIjowLjB9LFwiUGFkZGluZ1wiOntcIiRpZFwiOlwiMzBcIixcIlRvcFwiOjMuMCxcIkxlZnRcIjowLjAsXCJSaWdodFwiOjAuMCxcIkJvdHRvbVwiOjMuMH0sXCJCYWNrZ3JvdW5kXCI6e1wiJGlkXCI6XCIzMVwiLFwiQ29sb3JcIjp7XCIkaWRcIjpcIjMyXCIsXCJBXCI6MjU1LFwiUlwiOjExOSxcIkdcIjowLFwiQlwiOjE3OH19LFwiSXNWaXNpYmxlXCI6dHJ1ZSxcIldpZHRoXCI6M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NzcsXCJSXCI6MjU1LFwiR1wiOjAsXCJCXCI6MH19LFwiRWxhcHNlZFRpbWVGb3JtYXRcIjoy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TQ4LFwiR1wiOjAsXCJCXCI6MTc4fX0sXCJJc1Zpc2libGVcIjpmYWxzZSxcIldpZHRoXCI6MC4wLFwiSGVpZ2h0XCI6MC4wLFwiQm9yZGVyU3R5bGVcIjpudWxsfSxcIlRhc2tTdHlsZVwiOntcIiRpZFwiOlwiNDRcIixcIlNoYXBlXCI6NCxcIlNoYXBlVGhpY2tuZXNzXCI6MixcIkR1cmF0aW9uRm9ybWF0XCI6NS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ixcIkZvbnROYW1lXCI6XCJDYWxpYnJpXCIsXCJJc0JvbGRcIjpmYWxzZSxcIklzSXRhbGljXCI6ZmFsc2UsXCJJc1VuZGVybGluZWRcIjpmYWxzZX0sXCJGb3JlZ3JvdW5kXCI6e1wiJGlkXCI6XCI1NFwiLFwiQ29sb3JcIjp7XCIkaWRcIjpcIjU1XCIsXCJBXCI6MjU1LFwiUlwiOjE3OCxcIkdcIjoxNCxcIkJcIjoxOH19LFwiSG9yaXpvbnRhbEFsaWdubWVudFwiOjAsXCJJc1Zpc2libGVcIjp0cnV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IyOCxcIkdcIjowLFwiQlwiOjg5fX0sXCJJc1Zpc2libGVcIjp0cnVlLFwiV2lkdGhcIjowLjAsXCJIZWlnaHRcIjowLjAsXCJCb3JkZXJTdHlsZVwiOntcIiRpZFwiOlwiMTYyXCIsXCJMaW5lU3R5bGVcIjp7XCIkaWRcIjpcIjE2M1wiLFwiTGluZUNvbG9yXCI6e1wiJGlkXCI6XCIxNjRcIixcIkNvbG9yXCI6e1wiJGlkXCI6XCIxNjVcIixcIkFcIjoyNTUsXCJSXCI6MjU1LFwiR1wiOjAsXCJCXCI6MH19LFwiTGluZVdlaWdodFwiOjAuMCxcIkxpbmVUeXBlXCI6MH0sXCJJc1Zpc2libGVcIjpmYWxzZX19fSxcIkJhY2tncm91bmR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ThcIixcIkZvcm1hdFwiOjAsXCJJc1Zpc2libGVcIjpmYWxzZSxcIkxhc3RLbm93blZpc2liaWxpdHlTdGF0ZVwiOmZhbHNlfSxcIlZhcmlhbmNlU3R5bGVcIjp7XCIkaWRcIjpcIjIxOVwiLFwiVmFyaWFuY2VUZXh0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UyNCIsIlVzZVRpbWUiOmZhbHNlLCJXb3JrRGF5U3RhcnQiOiIwMDowMDowMCIsIldvcmtEYXlFbmQiOiIyMzo1OTowMCJ9LCJMYXN0VXNlZFRlbXBsYXRlSWQiOiJjMzVkMjc4OS0zMTc4LTQyNDgtODA0OC1kYjFmZjBlZmIzNWIiLCJMYXN0VXNlZFRoZW1lRGV0YWlscyI6eyIkaWQiOiIxNTI1IiwiSWQiOiIwNTJkZWU3Ny01NGY4LTQ4MjctYjk3OC1hYjFhZjgxYjg5ODkiLCJUaXRsZSI6IlVudGl0bGVkIHRoZW1lIiwiQ2F0ZWdvcnkiOjJ9LCJGaXJzdFdlZWtPZlllYXIiOjAsIlBsYWNlTWlsZXN0b25lQXRUaGVCZWdpbm5pbmdPZlRoZURheSI6ZmFsc2UsIkRlcGVuZGVuY3lTY2hlZHVsaW5nU2V0dGluZ3MiOnsiJGlkIjoiMTUyNi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lBsYW5uZWRNb2R1bGVFbmFibGVkIjpmYWxzZSwiT2xkRml4ZWRJbnRlcnZhbHNSZW5kZXJpbmdTdHJhdGVneVVzZWRCZWZvcmU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ESR-LA-4 Kick-off"/>
  <p:tag name="OTLDATE" val="2025-10-23T23:59:00.0000000"/>
  <p:tag name="OTLBASELINEDATE" val="2025-10-23T23:59:00.0000000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ESR-LA-DI2023 Kick-off"/>
  <p:tag name="OTLDATE" val="2025-12-16T23:59:00.0000000"/>
  <p:tag name="OTLBASELINEDATE" val="2025-12-16T23:59:00.0000000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SR-LA-5 Kick-off"/>
  <p:tag name="OTLPOSITIONONTASK" val="None"/>
  <p:tag name="OTLRELATEDTASKID" val="00000000-0000-0000-0000-000000000000"/>
  <p:tag name="OTLDATE" val="2026-01-06T23:59:00.0000000"/>
  <p:tag name="OTLBASELINEDATE" val="2026-01-06T23:59:00.000000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SR-LA-6 Kick-off"/>
  <p:tag name="OTLPOSITIONONTASK" val="None"/>
  <p:tag name="OTLRELATEDTASKID" val="00000000-0000-0000-0000-000000000000"/>
  <p:tag name="OTLDATE" val="2026-01-20T23:59:00.0000000"/>
  <p:tag name="OTLBASELINEDATE" val="2026-01-20T23:59:00.0000000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ESR-LA-ERAS Kick-off"/>
  <p:tag name="OTLDATE" val="2026-03-10T23:59:00.0000000"/>
  <p:tag name="OTLBASELINEDATE" val="2026-03-10T23:59:00.0000000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SR-LA-3 Kick-off"/>
  <p:tag name="OTLDATE" val="2025-10-14T23:59:00.0000000"/>
  <p:tag name="OTLBASELINEDATE" val="2025-10-14T23:59:00.0000000"/>
  <p:tag name="OTLPOSITIONONTASK" val="None"/>
  <p:tag name="OTLRELATEDTASKID" val="00000000-0000-0000-0000-000000000000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SR-LA-2 Completion"/>
  <p:tag name="OTLDATE" val="2025-11-07T23:59:00.0000000"/>
  <p:tag name="OTLBASELINEDATE" val="2025-11-07T23:59:00.0000000"/>
  <p:tag name="OTLPOSITIONONTASK" val="None"/>
  <p:tag name="OTLRELATEDTASKID" val="00000000-0000-0000-0000-00000000000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Gel"/>
  <p:tag name="OTLTIMEBANDAUTODATERANGE" val="True"/>
  <p:tag name="OTLTIMEBANDSTARTDATE" val="2016-10-01T00:00:00.0000000Z"/>
  <p:tag name="OTLTIMEBANDENDDATE" val="2027-11-30T23:59:00.0000000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DEPENABLED" val="False"/>
  <p:tag name="OTLTIMEBANDWORKINGDAYS" val="Al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Below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10"/>
  <p:tag name="OTLDURATIONFORMAT" val="day"/>
  <p:tag name="OTLSTARTDATE" val="2025-09-08T00:00:00.0000000Z"/>
  <p:tag name="OTLBASELINESTARTDATE" val="2025-09-08T00:00:00.0000000"/>
  <p:tag name="OTLENDDATE" val="2025-11-06T23:59:00.0000000Z"/>
  <p:tag name="OTLBASELINEENDDATE" val="2025-11-06T23:59:00.0000000"/>
  <p:tag name="OTLSHAPETHICKNESSTYPE" val="Custom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10"/>
  <p:tag name="OTLDURATIONFORMAT" val="day"/>
  <p:tag name="OTLSTARTDATE" val="2025-10-20T00:00:00.0000000Z"/>
  <p:tag name="OTLENDDATE" val="2025-12-18T23:59:00.0000000Z"/>
  <p:tag name="OTLBASELINESTARTDATE" val="2025-10-20T00:00:00.0000000"/>
  <p:tag name="OTLBASELINEENDDATE" val="2025-12-18T23:59:00.0000000"/>
  <p:tag name="OTLSHAPETHICKNESSTYPE" val="Custom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TARTDATE" val="2025-10-31T00:00:00.0000000Z"/>
  <p:tag name="OTLBASELINESTARTDATE" val="2025-10-31T00:00:00.0000000"/>
  <p:tag name="OTLENDDATE" val="2025-12-29T23:59:00.0000000Z"/>
  <p:tag name="OTLBASELINEENDDATE" val="2025-12-29T23:59:00.0000000"/>
  <p:tag name="OTLSHAPETHICKNESSTYPE" val="Custom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HAPETHICKNESSTYPE" val="Custom"/>
  <p:tag name="OTLBASELINESTARTDATE" val="2026-02-16T00:00:00.0000000"/>
  <p:tag name="OTLBASELINEENDDATE" val="2026-04-16T23:59:00.0000000"/>
  <p:tag name="OTLSTARTDATE" val="2026-02-20T00:00:00.0000000Z"/>
  <p:tag name="OTLENDDATE" val="2026-04-20T23:59:00.0000000Z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HAPETHICKNESSTYPE" val="Custom"/>
  <p:tag name="OTLSTARTDATE" val="2026-02-09T00:00:00.0000000Z"/>
  <p:tag name="OTLENDDATE" val="2026-04-09T23:59:00.0000000Z"/>
  <p:tag name="OTLBASELINESTARTDATE" val="2026-02-09T00:00:00.0000000"/>
  <p:tag name="OTLBASELINEENDDATE" val="2026-04-09T23:59:00.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TARTDATE" val="2026-02-27T00:00:00.0000000Z"/>
  <p:tag name="OTLENDDATE" val="2026-04-27T23:59:00.0000000Z"/>
  <p:tag name="OTLBASELINESTARTDATE" val="2026-02-27T00:00:00.0000000"/>
  <p:tag name="OTLBASELINEENDDATE" val="2026-04-27T23:59:00.0000000"/>
  <p:tag name="OTLSHAPETHICKNESSTYPE" val="Custom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10"/>
  <p:tag name="OTLDURATIONFORMAT" val="day"/>
  <p:tag name="OTLSHAPETHICKNESSTYPE" val="Custom"/>
  <p:tag name="OTLSTARTDATE" val="2026-03-17T00:00:00.0000000Z"/>
  <p:tag name="OTLENDDATE" val="2026-05-15T23:59:00.0000000Z"/>
  <p:tag name="OTLBASELINESTARTDATE" val="2026-03-17T00:00:00.0000000"/>
  <p:tag name="OTLBASELINEENDDATE" val="2026-05-15T23:59:00.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rgbClr val="808DA9"/>
        </a:solidFill>
        <a:ln w="19050" cap="flat" cmpd="sng" algn="ctr">
          <a:noFill/>
          <a:prstDash val="solid"/>
          <a:miter lim="800000"/>
        </a:ln>
        <a:effectLst/>
        <a:scene3d>
          <a:camera prst="orthographicFront"/>
          <a:lightRig rig="balanced" dir="t">
            <a:rot lat="0" lon="0" rev="8700000"/>
          </a:lightRig>
        </a:scene3d>
        <a:sp3d>
          <a:bevelT w="165100" h="12700"/>
        </a:sp3d>
        <a:extLst>
          <a:ext uri="{91240B29-F687-4F45-9708-019B960494DF}">
            <a14:hiddenLine xmlns:a14="http://schemas.microsoft.com/office/drawing/2010/main" w="19050" cap="flat" cmpd="sng" algn="ctr">
              <a:solidFill>
                <a:schemeClr val="accent1">
                  <a:shade val="15000"/>
                </a:schemeClr>
              </a:solidFill>
              <a:prstDash val="solid"/>
              <a:miter lim="800000"/>
            </a14:hiddenLine>
          </a:ext>
        </a:extLst>
      </a:spPr>
      <a:bodyPr rtlCol="0" anchor="ctr"/>
      <a:lstStyle>
        <a:defPPr algn="ctr">
          <a:defRPr/>
        </a:defPPr>
      </a:lstStyle>
      <a:style>
        <a:lnRef idx="2">
          <a:schemeClr val="accent1">
            <a:shade val="15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Metadata/LabelInfo.xml><?xml version="1.0" encoding="utf-8"?>
<clbl:labelList xmlns:clbl="http://schemas.microsoft.com/office/2020/mipLabelMetadata">
  <clbl:label id="{e9692091-66b8-45b5-9087-387cbcef98ca}" enabled="1" method="Privileged" siteId="{3230926a-71b7-4370-a137-197badc066a2}" contentBits="0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4842</TotalTime>
  <Words>132</Words>
  <Application>Microsoft Office PowerPoint</Application>
  <PresentationFormat>Widescreen</PresentationFormat>
  <Paragraphs>57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ptos</vt:lpstr>
      <vt:lpstr>Aptos Display</vt:lpstr>
      <vt:lpstr>Arial</vt:lpstr>
      <vt:lpstr>Calibri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Todd Pence</dc:creator>
  <cp:lastModifiedBy>Todd Pence</cp:lastModifiedBy>
  <cp:revision>99</cp:revision>
  <dcterms:created xsi:type="dcterms:W3CDTF">2025-07-30T14:33:50Z</dcterms:created>
  <dcterms:modified xsi:type="dcterms:W3CDTF">2026-02-18T21:34:17Z</dcterms:modified>
</cp:coreProperties>
</file>